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730"/>
  <workbookPr/>
  <mc:AlternateContent xmlns:mc="http://schemas.openxmlformats.org/markup-compatibility/2006">
    <mc:Choice Requires="x15">
      <x15ac:absPath xmlns:x15ac="http://schemas.microsoft.com/office/spreadsheetml/2010/11/ac" url="C:\Users\s218619\Dropbox\EngD Sustainable materials and manufacturing\Ch5.2Fibre spinning\"/>
    </mc:Choice>
  </mc:AlternateContent>
  <xr:revisionPtr revIDLastSave="0" documentId="13_ncr:1_{6B0D72A8-CC69-44DF-A7F4-8AEB61588751}" xr6:coauthVersionLast="36" xr6:coauthVersionMax="43" xr10:uidLastSave="{00000000-0000-0000-0000-000000000000}"/>
  <bookViews>
    <workbookView xWindow="0" yWindow="0" windowWidth="20490" windowHeight="7560" activeTab="1" xr2:uid="{00000000-000D-0000-FFFF-FFFF00000000}"/>
  </bookViews>
  <sheets>
    <sheet name="9pcCNF_Steady_BS_50degree" sheetId="1" r:id="rId1"/>
    <sheet name="9pcCNF_OSC_BS_50degree" sheetId="2" r:id="rId2"/>
    <sheet name="9pcCNF_Steady_BS_100degree" sheetId="5" r:id="rId3"/>
    <sheet name="9pcCNF_OSC_BS_100degree" sheetId="6" r:id="rId4"/>
    <sheet name="12.4pcCNF_Steady_BS_50degree" sheetId="3" r:id="rId5"/>
    <sheet name="12.4pcCNF_OSC_BS_50degree" sheetId="4" r:id="rId6"/>
    <sheet name="12.4pcCNF_Steady_BS_100degree" sheetId="7" r:id="rId7"/>
    <sheet name="12.4pcCNF_OSC_BS_100degree" sheetId="8" r:id="rId8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6" uniqueCount="23">
  <si>
    <t>Stress</t>
  </si>
  <si>
    <t>Shear rate</t>
  </si>
  <si>
    <t>Viscosity</t>
  </si>
  <si>
    <t>Step time</t>
  </si>
  <si>
    <t>Temperature</t>
  </si>
  <si>
    <t>Normal stress</t>
  </si>
  <si>
    <t>Pa</t>
  </si>
  <si>
    <t>1/s</t>
  </si>
  <si>
    <t>Pa.s</t>
  </si>
  <si>
    <t>s</t>
  </si>
  <si>
    <t>°C</t>
  </si>
  <si>
    <t>Storage modulus</t>
  </si>
  <si>
    <t>Loss modulus</t>
  </si>
  <si>
    <t>Tan(delta)</t>
  </si>
  <si>
    <t>Angular frequency</t>
  </si>
  <si>
    <t>Oscillation torque</t>
  </si>
  <si>
    <t>Raw phase</t>
  </si>
  <si>
    <t>Oscillation displacement</t>
  </si>
  <si>
    <t>Complex viscosity</t>
  </si>
  <si>
    <t>rad/s</t>
  </si>
  <si>
    <t>µN.m</t>
  </si>
  <si>
    <t>°</t>
  </si>
  <si>
    <t>ra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1"/>
      <color rgb="FFFF000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2">
    <xf numFmtId="0" fontId="0" fillId="0" borderId="0" xfId="0"/>
    <xf numFmtId="0" fontId="1" fillId="0" borderId="0" xfId="0" applyFont="1" applyAlignment="1">
      <alignment horizontal="center" vertical="center" wrapText="1"/>
    </xf>
    <xf numFmtId="0" fontId="0" fillId="0" borderId="0" xfId="0" applyAlignment="1">
      <alignment vertical="center" wrapText="1"/>
    </xf>
    <xf numFmtId="11" fontId="0" fillId="0" borderId="0" xfId="0" applyNumberForma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11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/>
    <xf numFmtId="11" fontId="3" fillId="0" borderId="0" xfId="0" applyNumberFormat="1" applyFont="1"/>
    <xf numFmtId="0" fontId="1" fillId="0" borderId="0" xfId="0" applyFont="1"/>
    <xf numFmtId="0" fontId="1" fillId="0" borderId="0" xfId="0" applyFont="1" applyAlignment="1">
      <alignment wrapText="1"/>
    </xf>
    <xf numFmtId="11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29"/>
  <sheetViews>
    <sheetView workbookViewId="0">
      <selection activeCell="G22" sqref="G22"/>
    </sheetView>
  </sheetViews>
  <sheetFormatPr defaultRowHeight="15" x14ac:dyDescent="0.25"/>
  <cols>
    <col min="2" max="2" width="9.5703125" bestFit="1" customWidth="1"/>
  </cols>
  <sheetData>
    <row r="1" spans="1:6" ht="30" x14ac:dyDescent="0.25">
      <c r="A1" s="1" t="s">
        <v>0</v>
      </c>
      <c r="B1" s="4" t="s">
        <v>1</v>
      </c>
      <c r="C1" s="4" t="s">
        <v>2</v>
      </c>
      <c r="D1" s="1" t="s">
        <v>3</v>
      </c>
      <c r="E1" s="1" t="s">
        <v>4</v>
      </c>
      <c r="F1" s="1" t="s">
        <v>5</v>
      </c>
    </row>
    <row r="2" spans="1:6" x14ac:dyDescent="0.25">
      <c r="A2" s="1" t="s">
        <v>6</v>
      </c>
      <c r="B2" s="4" t="s">
        <v>7</v>
      </c>
      <c r="C2" s="4" t="s">
        <v>8</v>
      </c>
      <c r="D2" s="1" t="s">
        <v>9</v>
      </c>
      <c r="E2" s="1" t="s">
        <v>10</v>
      </c>
      <c r="F2" s="1" t="s">
        <v>6</v>
      </c>
    </row>
    <row r="3" spans="1:6" x14ac:dyDescent="0.25">
      <c r="A3" s="2">
        <v>0.217413</v>
      </c>
      <c r="B3" s="5">
        <v>1.5848800000000001E-3</v>
      </c>
      <c r="C3" s="6">
        <v>137.179</v>
      </c>
      <c r="D3" s="2">
        <v>175.12700000000001</v>
      </c>
      <c r="E3" s="2">
        <v>50.000999999999998</v>
      </c>
      <c r="F3" s="2">
        <v>0.39415499999999998</v>
      </c>
    </row>
    <row r="4" spans="1:6" x14ac:dyDescent="0.25">
      <c r="A4" s="2">
        <v>0.33093800000000001</v>
      </c>
      <c r="B4" s="5">
        <v>2.5092399999999998E-3</v>
      </c>
      <c r="C4" s="6">
        <v>131.887</v>
      </c>
      <c r="D4" s="2">
        <v>200.16499999999999</v>
      </c>
      <c r="E4" s="2">
        <v>50</v>
      </c>
      <c r="F4" s="2">
        <v>0.53930100000000003</v>
      </c>
    </row>
    <row r="5" spans="1:6" x14ac:dyDescent="0.25">
      <c r="A5" s="2">
        <v>0.522567</v>
      </c>
      <c r="B5" s="5">
        <v>3.9785699999999998E-3</v>
      </c>
      <c r="C5" s="6">
        <v>131.345</v>
      </c>
      <c r="D5" s="2">
        <v>225.18100000000001</v>
      </c>
      <c r="E5" s="2">
        <v>50.002000000000002</v>
      </c>
      <c r="F5" s="2">
        <v>-0.61293600000000004</v>
      </c>
    </row>
    <row r="6" spans="1:6" x14ac:dyDescent="0.25">
      <c r="A6" s="2">
        <v>0.82584100000000005</v>
      </c>
      <c r="B6" s="5">
        <v>6.3075900000000001E-3</v>
      </c>
      <c r="C6" s="6">
        <v>130.928</v>
      </c>
      <c r="D6" s="2">
        <v>250.245</v>
      </c>
      <c r="E6" s="2">
        <v>50</v>
      </c>
      <c r="F6" s="2">
        <v>-1.7352099999999999</v>
      </c>
    </row>
    <row r="7" spans="1:6" x14ac:dyDescent="0.25">
      <c r="A7" s="2">
        <v>1.30769</v>
      </c>
      <c r="B7" s="6">
        <v>1.00062E-2</v>
      </c>
      <c r="C7" s="6">
        <v>130.68799999999999</v>
      </c>
      <c r="D7" s="2">
        <v>275.27199999999999</v>
      </c>
      <c r="E7" s="2">
        <v>49.997999999999998</v>
      </c>
      <c r="F7" s="2">
        <v>-1.90988</v>
      </c>
    </row>
    <row r="8" spans="1:6" x14ac:dyDescent="0.25">
      <c r="A8" s="2">
        <v>2.0725699999999998</v>
      </c>
      <c r="B8" s="6">
        <v>1.58476E-2</v>
      </c>
      <c r="C8" s="6">
        <v>130.78200000000001</v>
      </c>
      <c r="D8" s="2">
        <v>300.31299999999999</v>
      </c>
      <c r="E8" s="2">
        <v>50.003</v>
      </c>
      <c r="F8" s="2">
        <v>-2.5694699999999999</v>
      </c>
    </row>
    <row r="9" spans="1:6" x14ac:dyDescent="0.25">
      <c r="A9" s="2">
        <v>3.2758400000000001</v>
      </c>
      <c r="B9" s="6">
        <v>2.5113799999999999E-2</v>
      </c>
      <c r="C9" s="6">
        <v>130.44</v>
      </c>
      <c r="D9" s="2">
        <v>325.34500000000003</v>
      </c>
      <c r="E9" s="2">
        <v>50</v>
      </c>
      <c r="F9" s="2">
        <v>-3.3083399999999998</v>
      </c>
    </row>
    <row r="10" spans="1:6" x14ac:dyDescent="0.25">
      <c r="A10" s="2">
        <v>5.1356200000000003</v>
      </c>
      <c r="B10" s="6">
        <v>3.98115E-2</v>
      </c>
      <c r="C10" s="6">
        <v>128.999</v>
      </c>
      <c r="D10" s="2">
        <v>350.38400000000001</v>
      </c>
      <c r="E10" s="2">
        <v>50</v>
      </c>
      <c r="F10" s="2">
        <v>-4.7218099999999996</v>
      </c>
    </row>
    <row r="11" spans="1:6" x14ac:dyDescent="0.25">
      <c r="A11" s="2">
        <v>7.9752099999999997</v>
      </c>
      <c r="B11" s="6">
        <v>6.3091800000000003E-2</v>
      </c>
      <c r="C11" s="6">
        <v>126.40600000000001</v>
      </c>
      <c r="D11" s="2">
        <v>375.36900000000003</v>
      </c>
      <c r="E11" s="2">
        <v>50.002000000000002</v>
      </c>
      <c r="F11" s="2">
        <v>-3.46021</v>
      </c>
    </row>
    <row r="12" spans="1:6" x14ac:dyDescent="0.25">
      <c r="A12" s="2">
        <v>12.2174</v>
      </c>
      <c r="B12" s="6">
        <v>0.100006</v>
      </c>
      <c r="C12" s="6">
        <v>122.166</v>
      </c>
      <c r="D12" s="2">
        <v>400.43400000000003</v>
      </c>
      <c r="E12" s="2">
        <v>50.000999999999998</v>
      </c>
      <c r="F12" s="2">
        <v>-0.96836599999999995</v>
      </c>
    </row>
    <row r="13" spans="1:6" x14ac:dyDescent="0.25">
      <c r="A13" s="2">
        <v>18.551400000000001</v>
      </c>
      <c r="B13" s="6">
        <v>0.15849299999999999</v>
      </c>
      <c r="C13" s="6">
        <v>117.04900000000001</v>
      </c>
      <c r="D13" s="2">
        <v>425.51499999999999</v>
      </c>
      <c r="E13" s="2">
        <v>50.002000000000002</v>
      </c>
      <c r="F13" s="2">
        <v>1.8530899999999999</v>
      </c>
    </row>
    <row r="14" spans="1:6" x14ac:dyDescent="0.25">
      <c r="A14" s="2">
        <v>28.360900000000001</v>
      </c>
      <c r="B14" s="6">
        <v>0.25119599999999997</v>
      </c>
      <c r="C14" s="6">
        <v>112.90300000000001</v>
      </c>
      <c r="D14" s="2">
        <v>450.55599999999998</v>
      </c>
      <c r="E14" s="2">
        <v>50.002000000000002</v>
      </c>
      <c r="F14" s="2">
        <v>4.0240799999999997</v>
      </c>
    </row>
    <row r="15" spans="1:6" x14ac:dyDescent="0.25">
      <c r="A15" s="2">
        <v>43.006599999999999</v>
      </c>
      <c r="B15" s="6">
        <v>0.39810699999999999</v>
      </c>
      <c r="C15" s="6">
        <v>108.02800000000001</v>
      </c>
      <c r="D15" s="2">
        <v>475.58800000000002</v>
      </c>
      <c r="E15" s="2">
        <v>50.003</v>
      </c>
      <c r="F15" s="2">
        <v>8.95383</v>
      </c>
    </row>
    <row r="16" spans="1:6" x14ac:dyDescent="0.25">
      <c r="A16" s="2">
        <v>64.625500000000002</v>
      </c>
      <c r="B16" s="6">
        <v>0.63095199999999996</v>
      </c>
      <c r="C16" s="6">
        <v>102.425</v>
      </c>
      <c r="D16" s="2">
        <v>500.65800000000002</v>
      </c>
      <c r="E16" s="2">
        <v>49.997999999999998</v>
      </c>
      <c r="F16" s="2">
        <v>19.1053</v>
      </c>
    </row>
    <row r="17" spans="1:6" x14ac:dyDescent="0.25">
      <c r="A17" s="2">
        <v>95.997299999999996</v>
      </c>
      <c r="B17" s="6">
        <v>1.0000100000000001</v>
      </c>
      <c r="C17" s="6">
        <v>95.995999999999995</v>
      </c>
      <c r="D17" s="2">
        <v>525.73</v>
      </c>
      <c r="E17" s="2">
        <v>50.000999999999998</v>
      </c>
      <c r="F17" s="2">
        <v>38.134399999999999</v>
      </c>
    </row>
    <row r="18" spans="1:6" x14ac:dyDescent="0.25">
      <c r="A18" s="2">
        <v>140.541</v>
      </c>
      <c r="B18" s="6">
        <v>1.58491</v>
      </c>
      <c r="C18" s="6">
        <v>88.674400000000006</v>
      </c>
      <c r="D18" s="2">
        <v>550.70399999999995</v>
      </c>
      <c r="E18" s="2">
        <v>50.000999999999998</v>
      </c>
      <c r="F18" s="2">
        <v>72.060400000000001</v>
      </c>
    </row>
    <row r="19" spans="1:6" x14ac:dyDescent="0.25">
      <c r="A19" s="2">
        <v>203.25700000000001</v>
      </c>
      <c r="B19" s="6">
        <v>2.5118800000000001</v>
      </c>
      <c r="C19" s="6">
        <v>80.918300000000002</v>
      </c>
      <c r="D19" s="2">
        <v>575.76900000000001</v>
      </c>
      <c r="E19" s="2">
        <v>50.000999999999998</v>
      </c>
      <c r="F19" s="2">
        <v>128.07300000000001</v>
      </c>
    </row>
    <row r="20" spans="1:6" x14ac:dyDescent="0.25">
      <c r="A20" s="2">
        <v>288.80700000000002</v>
      </c>
      <c r="B20" s="6">
        <v>3.98109</v>
      </c>
      <c r="C20" s="6">
        <v>72.544700000000006</v>
      </c>
      <c r="D20" s="2">
        <v>600.86500000000001</v>
      </c>
      <c r="E20" s="2">
        <v>50.000999999999998</v>
      </c>
      <c r="F20" s="2">
        <v>230.79300000000001</v>
      </c>
    </row>
    <row r="21" spans="1:6" x14ac:dyDescent="0.25">
      <c r="A21" s="2">
        <v>401.29399999999998</v>
      </c>
      <c r="B21" s="6">
        <v>6.3095299999999996</v>
      </c>
      <c r="C21" s="6">
        <v>63.601300000000002</v>
      </c>
      <c r="D21" s="2">
        <v>625.89700000000005</v>
      </c>
      <c r="E21" s="2">
        <v>50</v>
      </c>
      <c r="F21" s="2">
        <v>386.78199999999998</v>
      </c>
    </row>
    <row r="22" spans="1:6" x14ac:dyDescent="0.25">
      <c r="A22" s="2">
        <v>544.04100000000005</v>
      </c>
      <c r="B22" s="6">
        <v>10</v>
      </c>
      <c r="C22" s="6">
        <v>54.404000000000003</v>
      </c>
      <c r="D22" s="2">
        <v>650.93399999999997</v>
      </c>
      <c r="E22" s="2">
        <v>50</v>
      </c>
      <c r="F22" s="2">
        <v>631.66300000000001</v>
      </c>
    </row>
    <row r="23" spans="1:6" x14ac:dyDescent="0.25">
      <c r="A23" s="2">
        <v>710.93299999999999</v>
      </c>
      <c r="B23" s="6">
        <v>15.8489</v>
      </c>
      <c r="C23" s="6">
        <v>44.856900000000003</v>
      </c>
      <c r="D23" s="2">
        <v>676.005</v>
      </c>
      <c r="E23" s="2">
        <v>50</v>
      </c>
      <c r="F23" s="2">
        <v>983.63</v>
      </c>
    </row>
    <row r="24" spans="1:6" x14ac:dyDescent="0.25">
      <c r="A24" s="2">
        <v>866.42600000000004</v>
      </c>
      <c r="B24" s="6">
        <v>25.1191</v>
      </c>
      <c r="C24" s="6">
        <v>34.492699999999999</v>
      </c>
      <c r="D24" s="2">
        <v>701.09299999999996</v>
      </c>
      <c r="E24" s="2">
        <v>50.000999999999998</v>
      </c>
      <c r="F24" s="2">
        <v>1471.49</v>
      </c>
    </row>
    <row r="25" spans="1:6" x14ac:dyDescent="0.25">
      <c r="A25" s="2">
        <v>789.63699999999994</v>
      </c>
      <c r="B25" s="6">
        <v>39.812100000000001</v>
      </c>
      <c r="C25" s="6">
        <v>19.834099999999999</v>
      </c>
      <c r="D25" s="2">
        <v>726.12599999999998</v>
      </c>
      <c r="E25" s="2">
        <v>49.999000000000002</v>
      </c>
      <c r="F25" s="2">
        <v>1841.41</v>
      </c>
    </row>
    <row r="26" spans="1:6" x14ac:dyDescent="0.25">
      <c r="A26" s="2">
        <v>552.38300000000004</v>
      </c>
      <c r="B26" s="6">
        <v>63.098700000000001</v>
      </c>
      <c r="C26" s="6">
        <v>8.75427</v>
      </c>
      <c r="D26" s="2">
        <v>751.18399999999997</v>
      </c>
      <c r="E26" s="2">
        <v>50.002000000000002</v>
      </c>
      <c r="F26" s="2">
        <v>1778.63</v>
      </c>
    </row>
    <row r="27" spans="1:6" x14ac:dyDescent="0.25">
      <c r="A27" s="2">
        <v>321.01600000000002</v>
      </c>
      <c r="B27" s="6">
        <v>99.978200000000001</v>
      </c>
      <c r="C27" s="6">
        <v>3.2108599999999998</v>
      </c>
      <c r="D27" s="2">
        <v>776.27800000000002</v>
      </c>
      <c r="E27" s="2">
        <v>50.003</v>
      </c>
      <c r="F27" s="2">
        <v>1421.34</v>
      </c>
    </row>
    <row r="28" spans="1:6" x14ac:dyDescent="0.25">
      <c r="A28" s="2">
        <v>152.16399999999999</v>
      </c>
      <c r="B28" s="6">
        <v>158.46899999999999</v>
      </c>
      <c r="C28" s="6">
        <v>0.96021299999999998</v>
      </c>
      <c r="D28" s="2">
        <v>801.38599999999997</v>
      </c>
      <c r="E28" s="2">
        <v>49.996000000000002</v>
      </c>
      <c r="F28" s="2">
        <v>958.21299999999997</v>
      </c>
    </row>
    <row r="29" spans="1:6" x14ac:dyDescent="0.25">
      <c r="A29" s="2">
        <v>27.956900000000001</v>
      </c>
      <c r="B29" s="6">
        <v>200</v>
      </c>
      <c r="C29" s="6">
        <v>0.13978399999999999</v>
      </c>
      <c r="D29" s="2">
        <v>826.404</v>
      </c>
      <c r="E29" s="2">
        <v>49.997999999999998</v>
      </c>
      <c r="F29" s="2">
        <v>351.947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3A4F67-C990-4243-94CC-AC5C6C7352E6}">
  <dimension ref="A1:J41"/>
  <sheetViews>
    <sheetView tabSelected="1" workbookViewId="0">
      <selection activeCell="L39" sqref="L39"/>
    </sheetView>
  </sheetViews>
  <sheetFormatPr defaultRowHeight="15" x14ac:dyDescent="0.25"/>
  <sheetData>
    <row r="1" spans="1:10" ht="60" x14ac:dyDescent="0.25">
      <c r="A1" s="1" t="s">
        <v>11</v>
      </c>
      <c r="B1" s="1" t="s">
        <v>12</v>
      </c>
      <c r="C1" s="1" t="s">
        <v>13</v>
      </c>
      <c r="D1" s="4" t="s">
        <v>14</v>
      </c>
      <c r="E1" s="1" t="s">
        <v>15</v>
      </c>
      <c r="F1" s="1" t="s">
        <v>3</v>
      </c>
      <c r="G1" s="1" t="s">
        <v>4</v>
      </c>
      <c r="H1" s="1" t="s">
        <v>16</v>
      </c>
      <c r="I1" s="1" t="s">
        <v>17</v>
      </c>
      <c r="J1" s="4" t="s">
        <v>18</v>
      </c>
    </row>
    <row r="2" spans="1:10" x14ac:dyDescent="0.25">
      <c r="A2" s="1" t="s">
        <v>6</v>
      </c>
      <c r="B2" s="1" t="s">
        <v>6</v>
      </c>
      <c r="C2" s="1"/>
      <c r="D2" s="4" t="s">
        <v>19</v>
      </c>
      <c r="E2" s="1" t="s">
        <v>20</v>
      </c>
      <c r="F2" s="1" t="s">
        <v>9</v>
      </c>
      <c r="G2" s="1" t="s">
        <v>10</v>
      </c>
      <c r="H2" s="1" t="s">
        <v>21</v>
      </c>
      <c r="I2" s="1" t="s">
        <v>22</v>
      </c>
      <c r="J2" s="4" t="s">
        <v>8</v>
      </c>
    </row>
    <row r="3" spans="1:10" x14ac:dyDescent="0.25">
      <c r="A3" s="2">
        <v>8.0008999999999997</v>
      </c>
      <c r="B3" s="2">
        <v>55.0867</v>
      </c>
      <c r="C3" s="2">
        <v>6.8850600000000002</v>
      </c>
      <c r="D3" s="6">
        <v>0.49999900000000003</v>
      </c>
      <c r="E3" s="2">
        <v>1450.39</v>
      </c>
      <c r="F3" s="2">
        <v>101.199</v>
      </c>
      <c r="G3" s="2">
        <v>49.985999999999997</v>
      </c>
      <c r="H3" s="2">
        <v>81.766300000000001</v>
      </c>
      <c r="I3" s="2">
        <v>0.10827299999999999</v>
      </c>
      <c r="J3" s="6">
        <v>111.33</v>
      </c>
    </row>
    <row r="4" spans="1:10" x14ac:dyDescent="0.25">
      <c r="A4" s="2">
        <v>10.0182</v>
      </c>
      <c r="B4" s="2">
        <v>63.825000000000003</v>
      </c>
      <c r="C4" s="2">
        <v>6.3708799999999997</v>
      </c>
      <c r="D4" s="6">
        <v>0.60576300000000005</v>
      </c>
      <c r="E4" s="2">
        <v>1630.68</v>
      </c>
      <c r="F4" s="2">
        <v>164.584</v>
      </c>
      <c r="G4" s="2">
        <v>49.988999999999997</v>
      </c>
      <c r="H4" s="2">
        <v>81.117599999999996</v>
      </c>
      <c r="I4" s="2">
        <v>0.10488699999999999</v>
      </c>
      <c r="J4" s="6">
        <v>106.65300000000001</v>
      </c>
    </row>
    <row r="5" spans="1:10" x14ac:dyDescent="0.25">
      <c r="A5" s="2">
        <v>12.526199999999999</v>
      </c>
      <c r="B5" s="2">
        <v>74.260999999999996</v>
      </c>
      <c r="C5" s="2">
        <v>5.9284299999999996</v>
      </c>
      <c r="D5" s="6">
        <v>0.73390100000000003</v>
      </c>
      <c r="E5" s="2">
        <v>1897.14</v>
      </c>
      <c r="F5" s="2">
        <v>216.83600000000001</v>
      </c>
      <c r="G5" s="2">
        <v>49.972999999999999</v>
      </c>
      <c r="H5" s="2">
        <v>80.473699999999994</v>
      </c>
      <c r="I5" s="2">
        <v>0.104687</v>
      </c>
      <c r="J5" s="6">
        <v>102.616</v>
      </c>
    </row>
    <row r="6" spans="1:10" x14ac:dyDescent="0.25">
      <c r="A6" s="2">
        <v>15.6745</v>
      </c>
      <c r="B6" s="2">
        <v>86.504199999999997</v>
      </c>
      <c r="C6" s="2">
        <v>5.51877</v>
      </c>
      <c r="D6" s="6">
        <v>0.88914599999999999</v>
      </c>
      <c r="E6" s="2">
        <v>2211.39</v>
      </c>
      <c r="F6" s="2">
        <v>260.08100000000002</v>
      </c>
      <c r="G6" s="2">
        <v>49.994999999999997</v>
      </c>
      <c r="H6" s="2">
        <v>79.789900000000003</v>
      </c>
      <c r="I6" s="2">
        <v>0.10453900000000001</v>
      </c>
      <c r="J6" s="6">
        <v>98.8733</v>
      </c>
    </row>
    <row r="7" spans="1:10" x14ac:dyDescent="0.25">
      <c r="A7" s="2">
        <v>19.564800000000002</v>
      </c>
      <c r="B7" s="2">
        <v>100.636</v>
      </c>
      <c r="C7" s="2">
        <v>5.1437400000000002</v>
      </c>
      <c r="D7" s="6">
        <v>1.0772200000000001</v>
      </c>
      <c r="E7" s="2">
        <v>2577.62</v>
      </c>
      <c r="F7" s="2">
        <v>296.35899999999998</v>
      </c>
      <c r="G7" s="2">
        <v>50.012</v>
      </c>
      <c r="H7" s="2">
        <v>79.074399999999997</v>
      </c>
      <c r="I7" s="2">
        <v>0.10449700000000001</v>
      </c>
      <c r="J7" s="6">
        <v>95.171400000000006</v>
      </c>
    </row>
    <row r="8" spans="1:10" x14ac:dyDescent="0.25">
      <c r="A8" s="2">
        <v>24.3505</v>
      </c>
      <c r="B8" s="2">
        <v>116.887</v>
      </c>
      <c r="C8" s="2">
        <v>4.8001699999999996</v>
      </c>
      <c r="D8" s="6">
        <v>1.30508</v>
      </c>
      <c r="E8" s="2">
        <v>2999.25</v>
      </c>
      <c r="F8" s="2">
        <v>326.23599999999999</v>
      </c>
      <c r="G8" s="2">
        <v>50.005000000000003</v>
      </c>
      <c r="H8" s="2">
        <v>78.3279</v>
      </c>
      <c r="I8" s="2">
        <v>0.10441400000000001</v>
      </c>
      <c r="J8" s="6">
        <v>91.485600000000005</v>
      </c>
    </row>
    <row r="9" spans="1:10" x14ac:dyDescent="0.25">
      <c r="A9" s="2">
        <v>30.194400000000002</v>
      </c>
      <c r="B9" s="2">
        <v>135.441</v>
      </c>
      <c r="C9" s="2">
        <v>4.4856400000000001</v>
      </c>
      <c r="D9" s="6">
        <v>1.58114</v>
      </c>
      <c r="E9" s="2">
        <v>3483.86</v>
      </c>
      <c r="F9" s="2">
        <v>351.012</v>
      </c>
      <c r="G9" s="2">
        <v>50.003</v>
      </c>
      <c r="H9" s="2">
        <v>77.553100000000001</v>
      </c>
      <c r="I9" s="2">
        <v>0.104368</v>
      </c>
      <c r="J9" s="6">
        <v>87.763099999999994</v>
      </c>
    </row>
    <row r="10" spans="1:10" x14ac:dyDescent="0.25">
      <c r="A10" s="2">
        <v>37.29</v>
      </c>
      <c r="B10" s="2">
        <v>156.506</v>
      </c>
      <c r="C10" s="2">
        <v>4.1969900000000004</v>
      </c>
      <c r="D10" s="6">
        <v>1.9156</v>
      </c>
      <c r="E10" s="2">
        <v>4035.65</v>
      </c>
      <c r="F10" s="2">
        <v>371.82</v>
      </c>
      <c r="G10" s="2">
        <v>50.012</v>
      </c>
      <c r="H10" s="2">
        <v>76.750799999999998</v>
      </c>
      <c r="I10" s="2">
        <v>0.104293</v>
      </c>
      <c r="J10" s="6">
        <v>83.9876</v>
      </c>
    </row>
    <row r="11" spans="1:10" x14ac:dyDescent="0.25">
      <c r="A11" s="2">
        <v>45.841700000000003</v>
      </c>
      <c r="B11" s="2">
        <v>180.285</v>
      </c>
      <c r="C11" s="2">
        <v>3.9327800000000002</v>
      </c>
      <c r="D11" s="6">
        <v>2.3208099999999998</v>
      </c>
      <c r="E11" s="2">
        <v>4663.1099999999997</v>
      </c>
      <c r="F11" s="2">
        <v>388.99400000000003</v>
      </c>
      <c r="G11" s="2">
        <v>49.997</v>
      </c>
      <c r="H11" s="2">
        <v>75.926900000000003</v>
      </c>
      <c r="I11" s="2">
        <v>0.10424899999999999</v>
      </c>
      <c r="J11" s="6">
        <v>80.153999999999996</v>
      </c>
    </row>
    <row r="12" spans="1:10" x14ac:dyDescent="0.25">
      <c r="A12" s="2">
        <v>56.122500000000002</v>
      </c>
      <c r="B12" s="2">
        <v>207.03399999999999</v>
      </c>
      <c r="C12" s="2">
        <v>3.6889599999999998</v>
      </c>
      <c r="D12" s="6">
        <v>2.8117399999999999</v>
      </c>
      <c r="E12" s="2">
        <v>5371.88</v>
      </c>
      <c r="F12" s="2">
        <v>403.71600000000001</v>
      </c>
      <c r="G12" s="2">
        <v>50.005000000000003</v>
      </c>
      <c r="H12" s="2">
        <v>75.078199999999995</v>
      </c>
      <c r="I12" s="2">
        <v>0.10417899999999999</v>
      </c>
      <c r="J12" s="6">
        <v>76.289100000000005</v>
      </c>
    </row>
    <row r="13" spans="1:10" x14ac:dyDescent="0.25">
      <c r="A13" s="2">
        <v>68.252899999999997</v>
      </c>
      <c r="B13" s="2">
        <v>236.72800000000001</v>
      </c>
      <c r="C13" s="2">
        <v>3.4683999999999999</v>
      </c>
      <c r="D13" s="6">
        <v>3.4064800000000002</v>
      </c>
      <c r="E13" s="2">
        <v>6163</v>
      </c>
      <c r="F13" s="2">
        <v>421.41</v>
      </c>
      <c r="G13" s="2">
        <v>49.99</v>
      </c>
      <c r="H13" s="2">
        <v>74.229500000000002</v>
      </c>
      <c r="I13" s="2">
        <v>0.104106</v>
      </c>
      <c r="J13" s="6">
        <v>72.324200000000005</v>
      </c>
    </row>
    <row r="14" spans="1:10" x14ac:dyDescent="0.25">
      <c r="A14" s="2">
        <v>82.651399999999995</v>
      </c>
      <c r="B14" s="2">
        <v>269.72500000000002</v>
      </c>
      <c r="C14" s="2">
        <v>3.2633999999999999</v>
      </c>
      <c r="D14" s="6">
        <v>4.1269799999999996</v>
      </c>
      <c r="E14" s="2">
        <v>7048.12</v>
      </c>
      <c r="F14" s="2">
        <v>436.13400000000001</v>
      </c>
      <c r="G14" s="2">
        <v>50.005000000000003</v>
      </c>
      <c r="H14" s="2">
        <v>73.363</v>
      </c>
      <c r="I14" s="2">
        <v>0.104035</v>
      </c>
      <c r="J14" s="6">
        <v>68.355999999999995</v>
      </c>
    </row>
    <row r="15" spans="1:10" x14ac:dyDescent="0.25">
      <c r="A15" s="2">
        <v>99.541200000000003</v>
      </c>
      <c r="B15" s="2">
        <v>306.00599999999997</v>
      </c>
      <c r="C15" s="2">
        <v>3.0741700000000001</v>
      </c>
      <c r="D15" s="6">
        <v>4.9999900000000004</v>
      </c>
      <c r="E15" s="2">
        <v>8023.9</v>
      </c>
      <c r="F15" s="2">
        <v>452.34199999999998</v>
      </c>
      <c r="G15" s="2">
        <v>50.003999999999998</v>
      </c>
      <c r="H15" s="2">
        <v>72.493099999999998</v>
      </c>
      <c r="I15" s="2">
        <v>0.103911</v>
      </c>
      <c r="J15" s="6">
        <v>64.357900000000001</v>
      </c>
    </row>
    <row r="16" spans="1:10" x14ac:dyDescent="0.25">
      <c r="A16" s="2">
        <v>119.245</v>
      </c>
      <c r="B16" s="2">
        <v>345.68900000000002</v>
      </c>
      <c r="C16" s="2">
        <v>2.89899</v>
      </c>
      <c r="D16" s="6">
        <v>6.0576800000000004</v>
      </c>
      <c r="E16" s="2">
        <v>9100.4500000000007</v>
      </c>
      <c r="F16" s="2">
        <v>469.03399999999999</v>
      </c>
      <c r="G16" s="2">
        <v>50.003</v>
      </c>
      <c r="H16" s="2">
        <v>71.627499999999998</v>
      </c>
      <c r="I16" s="2">
        <v>0.103815</v>
      </c>
      <c r="J16" s="6">
        <v>60.366100000000003</v>
      </c>
    </row>
    <row r="17" spans="1:10" x14ac:dyDescent="0.25">
      <c r="A17" s="2">
        <v>141.96600000000001</v>
      </c>
      <c r="B17" s="2">
        <v>388.59</v>
      </c>
      <c r="C17" s="2">
        <v>2.7372000000000001</v>
      </c>
      <c r="D17" s="6">
        <v>7.3389499999999996</v>
      </c>
      <c r="E17" s="2">
        <v>10271.200000000001</v>
      </c>
      <c r="F17" s="2">
        <v>488.40600000000001</v>
      </c>
      <c r="G17" s="2">
        <v>49.999000000000002</v>
      </c>
      <c r="H17" s="2">
        <v>70.782700000000006</v>
      </c>
      <c r="I17" s="2">
        <v>0.103715</v>
      </c>
      <c r="J17" s="6">
        <v>56.372</v>
      </c>
    </row>
    <row r="18" spans="1:10" x14ac:dyDescent="0.25">
      <c r="A18" s="2">
        <v>168.297</v>
      </c>
      <c r="B18" s="2">
        <v>435.52</v>
      </c>
      <c r="C18" s="2">
        <v>2.5878100000000002</v>
      </c>
      <c r="D18" s="6">
        <v>8.8914600000000004</v>
      </c>
      <c r="E18" s="2">
        <v>11539.9</v>
      </c>
      <c r="F18" s="2">
        <v>506.685</v>
      </c>
      <c r="G18" s="2">
        <v>50.005000000000003</v>
      </c>
      <c r="H18" s="2">
        <v>69.975399999999993</v>
      </c>
      <c r="I18" s="2">
        <v>0.10345</v>
      </c>
      <c r="J18" s="6">
        <v>52.511800000000001</v>
      </c>
    </row>
    <row r="19" spans="1:10" x14ac:dyDescent="0.25">
      <c r="A19" s="2">
        <v>197.85499999999999</v>
      </c>
      <c r="B19" s="2">
        <v>485.28500000000003</v>
      </c>
      <c r="C19" s="2">
        <v>2.4527299999999999</v>
      </c>
      <c r="D19" s="6">
        <v>10.7721</v>
      </c>
      <c r="E19" s="2">
        <v>12923.5</v>
      </c>
      <c r="F19" s="2">
        <v>525.53399999999999</v>
      </c>
      <c r="G19" s="2">
        <v>50.02</v>
      </c>
      <c r="H19" s="2">
        <v>69.256200000000007</v>
      </c>
      <c r="I19" s="2">
        <v>0.10349</v>
      </c>
      <c r="J19" s="6">
        <v>48.650700000000001</v>
      </c>
    </row>
    <row r="20" spans="1:10" x14ac:dyDescent="0.25">
      <c r="A20" s="2">
        <v>231.32499999999999</v>
      </c>
      <c r="B20" s="2">
        <v>538.05100000000004</v>
      </c>
      <c r="C20" s="2">
        <v>2.3259599999999998</v>
      </c>
      <c r="D20" s="6">
        <v>13.050800000000001</v>
      </c>
      <c r="E20" s="2">
        <v>14364.8</v>
      </c>
      <c r="F20" s="2">
        <v>543.98099999999999</v>
      </c>
      <c r="G20" s="2">
        <v>49.994</v>
      </c>
      <c r="H20" s="2">
        <v>68.616900000000001</v>
      </c>
      <c r="I20" s="2">
        <v>0.103308</v>
      </c>
      <c r="J20" s="6">
        <v>44.876199999999997</v>
      </c>
    </row>
    <row r="21" spans="1:10" x14ac:dyDescent="0.25">
      <c r="A21" s="2">
        <v>268.07499999999999</v>
      </c>
      <c r="B21" s="2">
        <v>592.37699999999995</v>
      </c>
      <c r="C21" s="2">
        <v>2.2097500000000001</v>
      </c>
      <c r="D21" s="6">
        <v>15.811400000000001</v>
      </c>
      <c r="E21" s="2">
        <v>15855.5</v>
      </c>
      <c r="F21" s="2">
        <v>563.14</v>
      </c>
      <c r="G21" s="2">
        <v>50.006999999999998</v>
      </c>
      <c r="H21" s="2">
        <v>68.132199999999997</v>
      </c>
      <c r="I21" s="2">
        <v>0.103226</v>
      </c>
      <c r="J21" s="6">
        <v>41.122999999999998</v>
      </c>
    </row>
    <row r="22" spans="1:10" x14ac:dyDescent="0.25">
      <c r="A22" s="2">
        <v>307.74599999999998</v>
      </c>
      <c r="B22" s="2">
        <v>646.72500000000002</v>
      </c>
      <c r="C22" s="2">
        <v>2.1014900000000001</v>
      </c>
      <c r="D22" s="6">
        <v>19.155999999999999</v>
      </c>
      <c r="E22" s="2">
        <v>17311</v>
      </c>
      <c r="F22" s="2">
        <v>581.96299999999997</v>
      </c>
      <c r="G22" s="2">
        <v>50.006999999999998</v>
      </c>
      <c r="H22" s="2">
        <v>67.854699999999994</v>
      </c>
      <c r="I22" s="2">
        <v>0.103031</v>
      </c>
      <c r="J22" s="6">
        <v>37.388300000000001</v>
      </c>
    </row>
    <row r="23" spans="1:10" x14ac:dyDescent="0.25">
      <c r="A23" s="2">
        <v>347.209</v>
      </c>
      <c r="B23" s="2">
        <v>695.23099999999999</v>
      </c>
      <c r="C23" s="2">
        <v>2.0023399999999998</v>
      </c>
      <c r="D23" s="6">
        <v>23.208100000000002</v>
      </c>
      <c r="E23" s="2">
        <v>18602.3</v>
      </c>
      <c r="F23" s="2">
        <v>601.05700000000002</v>
      </c>
      <c r="G23" s="2">
        <v>50.003999999999998</v>
      </c>
      <c r="H23" s="2">
        <v>67.936300000000003</v>
      </c>
      <c r="I23" s="2">
        <v>0.10305400000000001</v>
      </c>
      <c r="J23" s="6">
        <v>33.484400000000001</v>
      </c>
    </row>
    <row r="24" spans="1:10" x14ac:dyDescent="0.25">
      <c r="A24" s="2">
        <v>360.87799999999999</v>
      </c>
      <c r="B24" s="2">
        <v>705.40599999999995</v>
      </c>
      <c r="C24" s="2">
        <v>1.95469</v>
      </c>
      <c r="D24" s="6">
        <v>28.1173</v>
      </c>
      <c r="E24" s="2">
        <v>19591.2</v>
      </c>
      <c r="F24" s="2">
        <v>625.83900000000006</v>
      </c>
      <c r="G24" s="2">
        <v>50.006</v>
      </c>
      <c r="H24" s="2">
        <v>69.4251</v>
      </c>
      <c r="I24" s="2">
        <v>0.108058</v>
      </c>
      <c r="J24" s="6">
        <v>28.180399999999999</v>
      </c>
    </row>
    <row r="25" spans="1:10" x14ac:dyDescent="0.25">
      <c r="A25" s="2">
        <v>347.29399999999998</v>
      </c>
      <c r="B25" s="2">
        <v>659.596</v>
      </c>
      <c r="C25" s="2">
        <v>1.89924</v>
      </c>
      <c r="D25" s="6">
        <v>34.064799999999998</v>
      </c>
      <c r="E25" s="2">
        <v>18689.8</v>
      </c>
      <c r="F25" s="2">
        <v>650.64499999999998</v>
      </c>
      <c r="G25" s="2">
        <v>50.006</v>
      </c>
      <c r="H25" s="2">
        <v>72.642300000000006</v>
      </c>
      <c r="I25" s="2">
        <v>0.11239300000000001</v>
      </c>
      <c r="J25" s="6">
        <v>21.882999999999999</v>
      </c>
    </row>
    <row r="26" spans="1:10" x14ac:dyDescent="0.25">
      <c r="A26" s="2">
        <v>361.35700000000003</v>
      </c>
      <c r="B26" s="2">
        <v>637.56600000000003</v>
      </c>
      <c r="C26" s="2">
        <v>1.76437</v>
      </c>
      <c r="D26" s="6">
        <v>41.269799999999996</v>
      </c>
      <c r="E26" s="2">
        <v>16724.3</v>
      </c>
      <c r="F26" s="2">
        <v>669.31700000000001</v>
      </c>
      <c r="G26" s="2">
        <v>50.005000000000003</v>
      </c>
      <c r="H26" s="2">
        <v>76.407899999999998</v>
      </c>
      <c r="I26" s="2">
        <v>0.105961</v>
      </c>
      <c r="J26" s="6">
        <v>17.7575</v>
      </c>
    </row>
    <row r="27" spans="1:10" x14ac:dyDescent="0.25">
      <c r="A27" s="2">
        <v>323.96100000000001</v>
      </c>
      <c r="B27" s="2">
        <v>550.79700000000003</v>
      </c>
      <c r="C27" s="2">
        <v>1.7001999999999999</v>
      </c>
      <c r="D27" s="6">
        <v>49.999899999999997</v>
      </c>
      <c r="E27" s="2">
        <v>13915.8</v>
      </c>
      <c r="F27" s="2">
        <v>693.95500000000004</v>
      </c>
      <c r="G27" s="2">
        <v>49.981000000000002</v>
      </c>
      <c r="H27" s="2">
        <v>87.948400000000007</v>
      </c>
      <c r="I27" s="2">
        <v>0.10492700000000001</v>
      </c>
      <c r="J27" s="6">
        <v>12.780099999999999</v>
      </c>
    </row>
    <row r="28" spans="1:10" x14ac:dyDescent="0.25">
      <c r="A28" s="2">
        <v>297.07600000000002</v>
      </c>
      <c r="B28" s="2">
        <v>500.16500000000002</v>
      </c>
      <c r="C28" s="2">
        <v>1.68363</v>
      </c>
      <c r="D28" s="6">
        <v>60.575899999999997</v>
      </c>
      <c r="E28" s="2">
        <v>13485.1</v>
      </c>
      <c r="F28" s="2">
        <v>718.82799999999997</v>
      </c>
      <c r="G28" s="2">
        <v>49.999000000000002</v>
      </c>
      <c r="H28" s="2">
        <v>106.64400000000001</v>
      </c>
      <c r="I28" s="2">
        <v>0.107349</v>
      </c>
      <c r="J28" s="6">
        <v>9.6034500000000005</v>
      </c>
    </row>
    <row r="29" spans="1:10" x14ac:dyDescent="0.25">
      <c r="A29" s="2">
        <v>299.077</v>
      </c>
      <c r="B29" s="2">
        <v>480.79899999999998</v>
      </c>
      <c r="C29" s="2">
        <v>1.60761</v>
      </c>
      <c r="D29" s="6">
        <v>73.390100000000004</v>
      </c>
      <c r="E29" s="2">
        <v>15010.2</v>
      </c>
      <c r="F29" s="2">
        <v>731.88400000000001</v>
      </c>
      <c r="G29" s="2">
        <v>50.003999999999998</v>
      </c>
      <c r="H29" s="2">
        <v>126.556</v>
      </c>
      <c r="I29" s="2">
        <v>0.104215</v>
      </c>
      <c r="J29" s="6">
        <v>7.7153299999999998</v>
      </c>
    </row>
    <row r="30" spans="1:10" x14ac:dyDescent="0.25">
      <c r="A30" s="2">
        <v>289.01299999999998</v>
      </c>
      <c r="B30" s="2">
        <v>450.25799999999998</v>
      </c>
      <c r="C30" s="2">
        <v>1.55792</v>
      </c>
      <c r="D30" s="6">
        <v>88.914599999999993</v>
      </c>
      <c r="E30" s="2">
        <v>20271.099999999999</v>
      </c>
      <c r="F30" s="2">
        <v>750.64400000000001</v>
      </c>
      <c r="G30" s="2">
        <v>50.003999999999998</v>
      </c>
      <c r="H30" s="2">
        <v>146.22800000000001</v>
      </c>
      <c r="I30" s="2">
        <v>0.104003</v>
      </c>
      <c r="J30" s="6">
        <v>6.0173899999999998</v>
      </c>
    </row>
    <row r="31" spans="1:10" x14ac:dyDescent="0.25">
      <c r="A31" s="2">
        <v>271.72300000000001</v>
      </c>
      <c r="B31" s="2">
        <v>403.14</v>
      </c>
      <c r="C31" s="2">
        <v>1.4836400000000001</v>
      </c>
      <c r="D31" s="6">
        <v>107.72199999999999</v>
      </c>
      <c r="E31" s="2">
        <v>30061.9</v>
      </c>
      <c r="F31" s="2">
        <v>769.41700000000003</v>
      </c>
      <c r="G31" s="2">
        <v>50.003</v>
      </c>
      <c r="H31" s="2">
        <v>160.53700000000001</v>
      </c>
      <c r="I31" s="2">
        <v>0.103252</v>
      </c>
      <c r="J31" s="6">
        <v>4.5131399999999999</v>
      </c>
    </row>
    <row r="32" spans="1:10" x14ac:dyDescent="0.25">
      <c r="A32" s="2">
        <v>270.40499999999997</v>
      </c>
      <c r="B32" s="2">
        <v>381.50799999999998</v>
      </c>
      <c r="C32" s="2">
        <v>1.4108799999999999</v>
      </c>
      <c r="D32" s="6">
        <v>130.50700000000001</v>
      </c>
      <c r="E32" s="2">
        <v>46137.1</v>
      </c>
      <c r="F32" s="2">
        <v>788.38900000000001</v>
      </c>
      <c r="G32" s="2">
        <v>50.005000000000003</v>
      </c>
      <c r="H32" s="2">
        <v>168.05199999999999</v>
      </c>
      <c r="I32" s="2">
        <v>0.104044</v>
      </c>
      <c r="J32" s="6">
        <v>3.5831</v>
      </c>
    </row>
    <row r="33" spans="1:10" x14ac:dyDescent="0.25">
      <c r="A33" s="2">
        <v>282.154</v>
      </c>
      <c r="B33" s="2">
        <v>353.96100000000001</v>
      </c>
      <c r="C33" s="2">
        <v>1.2544999999999999</v>
      </c>
      <c r="D33" s="6">
        <v>158.11500000000001</v>
      </c>
      <c r="E33" s="2">
        <v>70085.899999999994</v>
      </c>
      <c r="F33" s="2">
        <v>807.36599999999999</v>
      </c>
      <c r="G33" s="2">
        <v>50.018000000000001</v>
      </c>
      <c r="H33" s="2">
        <v>172.69499999999999</v>
      </c>
      <c r="I33" s="2">
        <v>0.104628</v>
      </c>
      <c r="J33" s="6">
        <v>2.8628399999999998</v>
      </c>
    </row>
    <row r="34" spans="1:10" x14ac:dyDescent="0.25">
      <c r="A34" s="2">
        <v>312.75200000000001</v>
      </c>
      <c r="B34" s="2">
        <v>340.46</v>
      </c>
      <c r="C34" s="2">
        <v>1.0886</v>
      </c>
      <c r="D34" s="6">
        <v>191.559</v>
      </c>
      <c r="E34" s="2">
        <v>103842</v>
      </c>
      <c r="F34" s="2">
        <v>820.11099999999999</v>
      </c>
      <c r="G34" s="2">
        <v>49.991999999999997</v>
      </c>
      <c r="H34" s="2">
        <v>175.315</v>
      </c>
      <c r="I34" s="2">
        <v>0.103535</v>
      </c>
      <c r="J34" s="6">
        <v>2.4133900000000001</v>
      </c>
    </row>
    <row r="35" spans="1:10" x14ac:dyDescent="0.25">
      <c r="A35" s="2">
        <v>388.29500000000002</v>
      </c>
      <c r="B35" s="2">
        <v>349.08600000000001</v>
      </c>
      <c r="C35" s="2">
        <v>0.89902300000000002</v>
      </c>
      <c r="D35" s="6">
        <v>232.08199999999999</v>
      </c>
      <c r="E35" s="2">
        <v>149334</v>
      </c>
      <c r="F35" s="2">
        <v>832.98199999999997</v>
      </c>
      <c r="G35" s="2">
        <v>50</v>
      </c>
      <c r="H35" s="2">
        <v>176.761</v>
      </c>
      <c r="I35" s="2">
        <v>0.10044699999999999</v>
      </c>
      <c r="J35" s="6">
        <v>2.2498300000000002</v>
      </c>
    </row>
    <row r="36" spans="1:10" x14ac:dyDescent="0.25">
      <c r="A36" s="2">
        <v>497.75599999999997</v>
      </c>
      <c r="B36" s="2">
        <v>309.03399999999999</v>
      </c>
      <c r="C36" s="2">
        <v>0.62085400000000002</v>
      </c>
      <c r="D36" s="6">
        <v>281.17099999999999</v>
      </c>
      <c r="E36" s="2">
        <v>149131</v>
      </c>
      <c r="F36" s="2">
        <v>839.85599999999999</v>
      </c>
      <c r="G36" s="2">
        <v>49.963999999999999</v>
      </c>
      <c r="H36" s="2">
        <v>178.06100000000001</v>
      </c>
      <c r="I36" s="2">
        <v>6.7871399999999998E-2</v>
      </c>
      <c r="J36" s="6">
        <v>2.0837400000000001</v>
      </c>
    </row>
    <row r="37" spans="1:10" x14ac:dyDescent="0.25">
      <c r="A37" s="2">
        <v>695.005</v>
      </c>
      <c r="B37" s="2">
        <v>303.65499999999997</v>
      </c>
      <c r="C37" s="2">
        <v>0.43691000000000002</v>
      </c>
      <c r="D37" s="6">
        <v>340.64499999999998</v>
      </c>
      <c r="E37" s="2">
        <v>148836</v>
      </c>
      <c r="F37" s="2">
        <v>846.39099999999996</v>
      </c>
      <c r="G37" s="2">
        <v>49.999000000000002</v>
      </c>
      <c r="H37" s="2">
        <v>178.70500000000001</v>
      </c>
      <c r="I37" s="2">
        <v>4.6041100000000001E-2</v>
      </c>
      <c r="J37" s="6">
        <v>2.2264900000000001</v>
      </c>
    </row>
    <row r="38" spans="1:10" x14ac:dyDescent="0.25">
      <c r="A38" s="2">
        <v>1179.1600000000001</v>
      </c>
      <c r="B38" s="2">
        <v>312.83999999999997</v>
      </c>
      <c r="C38" s="2">
        <v>0.26530799999999999</v>
      </c>
      <c r="D38" s="6">
        <v>412.702</v>
      </c>
      <c r="E38" s="2">
        <v>148394</v>
      </c>
      <c r="F38" s="2">
        <v>853.28200000000004</v>
      </c>
      <c r="G38" s="2">
        <v>49.997999999999998</v>
      </c>
      <c r="H38" s="2">
        <v>179.084</v>
      </c>
      <c r="I38" s="2">
        <v>3.1532299999999999E-2</v>
      </c>
      <c r="J38" s="6">
        <v>2.95601</v>
      </c>
    </row>
    <row r="39" spans="1:10" x14ac:dyDescent="0.25">
      <c r="A39" s="2">
        <v>1241.23</v>
      </c>
      <c r="B39" s="2">
        <v>-282.57</v>
      </c>
      <c r="C39" s="2">
        <v>-0.22765299999999999</v>
      </c>
      <c r="D39" s="6">
        <v>499.995</v>
      </c>
      <c r="E39" s="2">
        <v>147707</v>
      </c>
      <c r="F39" s="2">
        <v>860.1</v>
      </c>
      <c r="G39" s="2">
        <v>50.005000000000003</v>
      </c>
      <c r="H39" s="2">
        <v>180.554</v>
      </c>
      <c r="I39" s="2">
        <v>2.1026799999999998E-2</v>
      </c>
      <c r="J39" s="6">
        <v>2.5459999999999998</v>
      </c>
    </row>
    <row r="40" spans="1:10" x14ac:dyDescent="0.25">
      <c r="A40" s="2">
        <v>1147.75</v>
      </c>
      <c r="B40" s="2">
        <v>330.935</v>
      </c>
      <c r="C40" s="2">
        <v>0.28833399999999998</v>
      </c>
      <c r="D40" s="6">
        <v>605.75800000000004</v>
      </c>
      <c r="E40" s="2">
        <v>146615</v>
      </c>
      <c r="F40" s="2">
        <v>866.56899999999996</v>
      </c>
      <c r="G40" s="2">
        <v>49.999000000000002</v>
      </c>
      <c r="H40" s="2">
        <v>179.565</v>
      </c>
      <c r="I40" s="2">
        <v>1.39995E-2</v>
      </c>
      <c r="J40" s="6">
        <v>1.9719199999999999</v>
      </c>
    </row>
    <row r="41" spans="1:10" x14ac:dyDescent="0.25">
      <c r="A41" s="2">
        <v>1295.77</v>
      </c>
      <c r="B41" s="2">
        <v>475.495</v>
      </c>
      <c r="C41" s="2">
        <v>0.36696099999999998</v>
      </c>
      <c r="D41" s="6">
        <v>627.99699999999996</v>
      </c>
      <c r="E41" s="2">
        <v>146345</v>
      </c>
      <c r="F41" s="2">
        <v>873.15800000000002</v>
      </c>
      <c r="G41" s="2">
        <v>50.000999999999998</v>
      </c>
      <c r="H41" s="2">
        <v>179.417</v>
      </c>
      <c r="I41" s="2">
        <v>1.30186E-2</v>
      </c>
      <c r="J41" s="6">
        <v>2.19787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9DB0BA-0A33-446E-9C94-B5D63171658B}">
  <dimension ref="A1:M29"/>
  <sheetViews>
    <sheetView workbookViewId="0">
      <selection activeCell="K9" sqref="K9"/>
    </sheetView>
  </sheetViews>
  <sheetFormatPr defaultRowHeight="15" x14ac:dyDescent="0.25"/>
  <cols>
    <col min="2" max="2" width="9.5703125" bestFit="1" customWidth="1"/>
    <col min="3" max="3" width="9.28515625" bestFit="1" customWidth="1"/>
  </cols>
  <sheetData>
    <row r="1" spans="1:13" ht="30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H1" t="s">
        <v>0</v>
      </c>
      <c r="I1" s="7" t="s">
        <v>1</v>
      </c>
      <c r="J1" t="s">
        <v>2</v>
      </c>
      <c r="K1" t="s">
        <v>3</v>
      </c>
      <c r="L1" t="s">
        <v>4</v>
      </c>
      <c r="M1" t="s">
        <v>5</v>
      </c>
    </row>
    <row r="2" spans="1:13" x14ac:dyDescent="0.25">
      <c r="A2" s="1" t="s">
        <v>6</v>
      </c>
      <c r="B2" s="1" t="s">
        <v>7</v>
      </c>
      <c r="C2" s="1" t="s">
        <v>8</v>
      </c>
      <c r="D2" s="1" t="s">
        <v>9</v>
      </c>
      <c r="E2" s="1" t="s">
        <v>10</v>
      </c>
      <c r="F2" s="1" t="s">
        <v>6</v>
      </c>
      <c r="H2" t="s">
        <v>6</v>
      </c>
      <c r="I2" s="7" t="s">
        <v>7</v>
      </c>
      <c r="J2" t="s">
        <v>8</v>
      </c>
      <c r="K2" t="s">
        <v>9</v>
      </c>
      <c r="L2" t="s">
        <v>10</v>
      </c>
      <c r="M2" t="s">
        <v>6</v>
      </c>
    </row>
    <row r="3" spans="1:13" x14ac:dyDescent="0.25">
      <c r="A3" s="2">
        <v>2.7667299999999999E-2</v>
      </c>
      <c r="B3" s="5">
        <v>1.5864E-3</v>
      </c>
      <c r="C3" s="6">
        <v>17.440300000000001</v>
      </c>
      <c r="D3" s="2">
        <v>175.155</v>
      </c>
      <c r="E3" s="2">
        <v>100.001</v>
      </c>
      <c r="F3" s="2">
        <v>-14.7736</v>
      </c>
      <c r="H3">
        <v>6.3155500000000003E-2</v>
      </c>
      <c r="I3" s="8">
        <v>1.5835599999999999E-3</v>
      </c>
      <c r="J3" s="7">
        <v>39.881999999999998</v>
      </c>
      <c r="K3">
        <v>175.131</v>
      </c>
      <c r="L3">
        <v>100.002</v>
      </c>
      <c r="M3">
        <v>9.3285099999999996</v>
      </c>
    </row>
    <row r="4" spans="1:13" x14ac:dyDescent="0.25">
      <c r="A4" s="2">
        <v>4.42274E-2</v>
      </c>
      <c r="B4" s="5">
        <v>2.5103500000000002E-3</v>
      </c>
      <c r="C4" s="6">
        <v>17.617999999999999</v>
      </c>
      <c r="D4" s="2">
        <v>200.08</v>
      </c>
      <c r="E4" s="2">
        <v>100.002</v>
      </c>
      <c r="F4" s="2">
        <v>-15.4084</v>
      </c>
      <c r="H4">
        <v>0.100484</v>
      </c>
      <c r="I4" s="8">
        <v>2.5080100000000002E-3</v>
      </c>
      <c r="J4" s="7">
        <v>40.065399999999997</v>
      </c>
      <c r="K4">
        <v>200.20099999999999</v>
      </c>
      <c r="L4">
        <v>100.006</v>
      </c>
      <c r="M4">
        <v>8.5886700000000005</v>
      </c>
    </row>
    <row r="5" spans="1:13" x14ac:dyDescent="0.25">
      <c r="A5" s="2">
        <v>7.0679099999999995E-2</v>
      </c>
      <c r="B5" s="5">
        <v>3.9775799999999997E-3</v>
      </c>
      <c r="C5" s="6">
        <v>17.769400000000001</v>
      </c>
      <c r="D5" s="2">
        <v>225.28399999999999</v>
      </c>
      <c r="E5" s="2">
        <v>100.003</v>
      </c>
      <c r="F5" s="2">
        <v>-15.2456</v>
      </c>
      <c r="H5">
        <v>0.159744</v>
      </c>
      <c r="I5" s="8">
        <v>3.97679E-3</v>
      </c>
      <c r="J5" s="7">
        <v>40.1691</v>
      </c>
      <c r="K5">
        <v>225.19300000000001</v>
      </c>
      <c r="L5">
        <v>100.001</v>
      </c>
      <c r="M5">
        <v>7.1810600000000004</v>
      </c>
    </row>
    <row r="6" spans="1:13" x14ac:dyDescent="0.25">
      <c r="A6" s="2">
        <v>0.11365599999999999</v>
      </c>
      <c r="B6" s="5">
        <v>6.3078199999999996E-3</v>
      </c>
      <c r="C6" s="6">
        <v>18.0182</v>
      </c>
      <c r="D6" s="2">
        <v>250.33500000000001</v>
      </c>
      <c r="E6" s="2">
        <v>100.011</v>
      </c>
      <c r="F6" s="2">
        <v>-16.845500000000001</v>
      </c>
      <c r="H6">
        <v>0.25461299999999998</v>
      </c>
      <c r="I6" s="8">
        <v>6.30717E-3</v>
      </c>
      <c r="J6" s="7">
        <v>40.3688</v>
      </c>
      <c r="K6">
        <v>250.29400000000001</v>
      </c>
      <c r="L6">
        <v>99.998000000000005</v>
      </c>
      <c r="M6">
        <v>8.2823200000000003</v>
      </c>
    </row>
    <row r="7" spans="1:13" x14ac:dyDescent="0.25">
      <c r="A7" s="2">
        <v>0.180974</v>
      </c>
      <c r="B7" s="6">
        <v>1.00045E-2</v>
      </c>
      <c r="C7" s="6">
        <v>18.089200000000002</v>
      </c>
      <c r="D7" s="2">
        <v>275.392</v>
      </c>
      <c r="E7" s="2">
        <v>100.003</v>
      </c>
      <c r="F7" s="2">
        <v>-16.9026</v>
      </c>
      <c r="H7">
        <v>0.40724399999999999</v>
      </c>
      <c r="I7" s="7">
        <v>1.0002E-2</v>
      </c>
      <c r="J7" s="7">
        <v>40.716099999999997</v>
      </c>
      <c r="K7">
        <v>275.34800000000001</v>
      </c>
      <c r="L7">
        <v>100.001</v>
      </c>
      <c r="M7">
        <v>9.1885600000000007</v>
      </c>
    </row>
    <row r="8" spans="1:13" x14ac:dyDescent="0.25">
      <c r="A8" s="2">
        <v>0.29036200000000001</v>
      </c>
      <c r="B8" s="6">
        <v>1.5851299999999999E-2</v>
      </c>
      <c r="C8" s="6">
        <v>18.317900000000002</v>
      </c>
      <c r="D8" s="2">
        <v>300.41699999999997</v>
      </c>
      <c r="E8" s="2">
        <v>99.998999999999995</v>
      </c>
      <c r="F8" s="2">
        <v>-17.869299999999999</v>
      </c>
      <c r="H8">
        <v>0.65805999999999998</v>
      </c>
      <c r="I8" s="7">
        <v>1.5853200000000001E-2</v>
      </c>
      <c r="J8" s="7">
        <v>41.509700000000002</v>
      </c>
      <c r="K8">
        <v>300.41800000000001</v>
      </c>
      <c r="L8">
        <v>100.001</v>
      </c>
      <c r="M8">
        <v>8.5406300000000002</v>
      </c>
    </row>
    <row r="9" spans="1:13" x14ac:dyDescent="0.25">
      <c r="A9" s="2">
        <v>0.46395500000000001</v>
      </c>
      <c r="B9" s="6">
        <v>2.5108800000000001E-2</v>
      </c>
      <c r="C9" s="6">
        <v>18.477799999999998</v>
      </c>
      <c r="D9" s="2">
        <v>325.42700000000002</v>
      </c>
      <c r="E9" s="2">
        <v>100.002</v>
      </c>
      <c r="F9" s="2">
        <v>-17.6524</v>
      </c>
      <c r="H9">
        <v>1.06111</v>
      </c>
      <c r="I9" s="7">
        <v>2.5124799999999999E-2</v>
      </c>
      <c r="J9" s="7">
        <v>42.233499999999999</v>
      </c>
      <c r="K9">
        <v>325.488</v>
      </c>
      <c r="L9">
        <v>100.00700000000001</v>
      </c>
      <c r="M9">
        <v>9.9707500000000007</v>
      </c>
    </row>
    <row r="10" spans="1:13" x14ac:dyDescent="0.25">
      <c r="A10" s="2">
        <v>0.73500299999999996</v>
      </c>
      <c r="B10" s="6">
        <v>3.9794299999999998E-2</v>
      </c>
      <c r="C10" s="6">
        <v>18.470099999999999</v>
      </c>
      <c r="D10" s="2">
        <v>350.50400000000002</v>
      </c>
      <c r="E10" s="2">
        <v>100.002</v>
      </c>
      <c r="F10" s="2">
        <v>-17.775400000000001</v>
      </c>
      <c r="H10">
        <v>1.6857500000000001</v>
      </c>
      <c r="I10" s="7">
        <v>3.98378E-2</v>
      </c>
      <c r="J10" s="7">
        <v>42.315300000000001</v>
      </c>
      <c r="K10">
        <v>350.57299999999998</v>
      </c>
      <c r="L10">
        <v>100.005</v>
      </c>
      <c r="M10">
        <v>9.5715299999999992</v>
      </c>
    </row>
    <row r="11" spans="1:13" x14ac:dyDescent="0.25">
      <c r="A11" s="2">
        <v>1.1472599999999999</v>
      </c>
      <c r="B11" s="6">
        <v>6.3109999999999999E-2</v>
      </c>
      <c r="C11" s="6">
        <v>18.178799999999999</v>
      </c>
      <c r="D11" s="2">
        <v>375.601</v>
      </c>
      <c r="E11" s="2">
        <v>99.997</v>
      </c>
      <c r="F11" s="2">
        <v>-17.633099999999999</v>
      </c>
      <c r="H11">
        <v>2.5938500000000002</v>
      </c>
      <c r="I11" s="7">
        <v>6.3083799999999995E-2</v>
      </c>
      <c r="J11" s="7">
        <v>41.1175</v>
      </c>
      <c r="K11">
        <v>375.61099999999999</v>
      </c>
      <c r="L11">
        <v>100.003</v>
      </c>
      <c r="M11">
        <v>9.0345300000000002</v>
      </c>
    </row>
    <row r="12" spans="1:13" x14ac:dyDescent="0.25">
      <c r="A12" s="2">
        <v>1.7618499999999999</v>
      </c>
      <c r="B12" s="6">
        <v>0.1</v>
      </c>
      <c r="C12" s="6">
        <v>17.618500000000001</v>
      </c>
      <c r="D12" s="2">
        <v>400.69900000000001</v>
      </c>
      <c r="E12" s="2">
        <v>99.998999999999995</v>
      </c>
      <c r="F12" s="2">
        <v>-18.881399999999999</v>
      </c>
      <c r="H12">
        <v>3.8973200000000001</v>
      </c>
      <c r="I12" s="7">
        <v>0.100011</v>
      </c>
      <c r="J12" s="7">
        <v>38.968800000000002</v>
      </c>
      <c r="K12">
        <v>400.63299999999998</v>
      </c>
      <c r="L12">
        <v>100.001</v>
      </c>
      <c r="M12">
        <v>9.2170100000000001</v>
      </c>
    </row>
    <row r="13" spans="1:13" x14ac:dyDescent="0.25">
      <c r="A13" s="2">
        <v>2.70044</v>
      </c>
      <c r="B13" s="6">
        <v>0.15849199999999999</v>
      </c>
      <c r="C13" s="6">
        <v>17.0383</v>
      </c>
      <c r="D13" s="2">
        <v>425.71699999999998</v>
      </c>
      <c r="E13" s="2">
        <v>99.998999999999995</v>
      </c>
      <c r="F13" s="2">
        <v>-18.775500000000001</v>
      </c>
      <c r="H13">
        <v>5.8514299999999997</v>
      </c>
      <c r="I13" s="7">
        <v>0.158495</v>
      </c>
      <c r="J13" s="7">
        <v>36.918700000000001</v>
      </c>
      <c r="K13">
        <v>425.73399999999998</v>
      </c>
      <c r="L13">
        <v>100.001</v>
      </c>
      <c r="M13">
        <v>8.9338300000000004</v>
      </c>
    </row>
    <row r="14" spans="1:13" x14ac:dyDescent="0.25">
      <c r="A14" s="2">
        <v>4.1610199999999997</v>
      </c>
      <c r="B14" s="6">
        <v>0.251197</v>
      </c>
      <c r="C14" s="6">
        <v>16.564800000000002</v>
      </c>
      <c r="D14" s="2">
        <v>450.767</v>
      </c>
      <c r="E14" s="2">
        <v>100.002</v>
      </c>
      <c r="F14" s="2">
        <v>-19.259899999999998</v>
      </c>
      <c r="H14">
        <v>8.9008400000000005</v>
      </c>
      <c r="I14" s="7">
        <v>0.25119399999999997</v>
      </c>
      <c r="J14" s="7">
        <v>35.434100000000001</v>
      </c>
      <c r="K14">
        <v>450.74099999999999</v>
      </c>
      <c r="L14">
        <v>100</v>
      </c>
      <c r="M14">
        <v>10.0931</v>
      </c>
    </row>
    <row r="15" spans="1:13" x14ac:dyDescent="0.25">
      <c r="A15" s="2">
        <v>6.3930699999999998</v>
      </c>
      <c r="B15" s="6">
        <v>0.39811200000000002</v>
      </c>
      <c r="C15" s="6">
        <v>16.058499999999999</v>
      </c>
      <c r="D15" s="2">
        <v>475.83199999999999</v>
      </c>
      <c r="E15" s="2">
        <v>100</v>
      </c>
      <c r="F15" s="2">
        <v>-18.070499999999999</v>
      </c>
      <c r="H15">
        <v>13.478999999999999</v>
      </c>
      <c r="I15" s="7">
        <v>0.39811200000000002</v>
      </c>
      <c r="J15" s="7">
        <v>33.857199999999999</v>
      </c>
      <c r="K15">
        <v>475.779</v>
      </c>
      <c r="L15">
        <v>99.997</v>
      </c>
      <c r="M15">
        <v>10.966200000000001</v>
      </c>
    </row>
    <row r="16" spans="1:13" x14ac:dyDescent="0.25">
      <c r="A16" s="2">
        <v>9.8195399999999999</v>
      </c>
      <c r="B16" s="6">
        <v>0.63095100000000004</v>
      </c>
      <c r="C16" s="6">
        <v>15.5631</v>
      </c>
      <c r="D16" s="2">
        <v>500.86</v>
      </c>
      <c r="E16" s="2">
        <v>99.998000000000005</v>
      </c>
      <c r="F16" s="2">
        <v>-17.817699999999999</v>
      </c>
      <c r="H16">
        <v>20.270299999999999</v>
      </c>
      <c r="I16" s="7">
        <v>0.63095900000000005</v>
      </c>
      <c r="J16" s="7">
        <v>32.126199999999997</v>
      </c>
      <c r="K16">
        <v>500.86399999999998</v>
      </c>
      <c r="L16">
        <v>100.003</v>
      </c>
      <c r="M16">
        <v>11.1911</v>
      </c>
    </row>
    <row r="17" spans="1:13" x14ac:dyDescent="0.25">
      <c r="A17" s="2">
        <v>15.06</v>
      </c>
      <c r="B17" s="6">
        <v>1.0000100000000001</v>
      </c>
      <c r="C17" s="6">
        <v>15.059900000000001</v>
      </c>
      <c r="D17" s="2">
        <v>525.90899999999999</v>
      </c>
      <c r="E17" s="2">
        <v>100.003</v>
      </c>
      <c r="F17" s="2">
        <v>-16.390799999999999</v>
      </c>
      <c r="H17">
        <v>30.3916</v>
      </c>
      <c r="I17" s="7">
        <v>0.99999899999999997</v>
      </c>
      <c r="J17" s="7">
        <v>30.3916</v>
      </c>
      <c r="K17">
        <v>525.90200000000004</v>
      </c>
      <c r="L17">
        <v>99.995000000000005</v>
      </c>
      <c r="M17">
        <v>15.642200000000001</v>
      </c>
    </row>
    <row r="18" spans="1:13" x14ac:dyDescent="0.25">
      <c r="A18" s="2">
        <v>23.033300000000001</v>
      </c>
      <c r="B18" s="6">
        <v>1.5848899999999999</v>
      </c>
      <c r="C18" s="6">
        <v>14.532999999999999</v>
      </c>
      <c r="D18" s="2">
        <v>550.93799999999999</v>
      </c>
      <c r="E18" s="2">
        <v>99.998999999999995</v>
      </c>
      <c r="F18" s="2">
        <v>-15.525399999999999</v>
      </c>
      <c r="H18">
        <v>45.3718</v>
      </c>
      <c r="I18" s="7">
        <v>1.5849</v>
      </c>
      <c r="J18" s="7">
        <v>28.627500000000001</v>
      </c>
      <c r="K18">
        <v>550.97199999999998</v>
      </c>
      <c r="L18">
        <v>100.001</v>
      </c>
      <c r="M18">
        <v>21.9129</v>
      </c>
    </row>
    <row r="19" spans="1:13" x14ac:dyDescent="0.25">
      <c r="A19" s="2">
        <v>34.918199999999999</v>
      </c>
      <c r="B19" s="6">
        <v>2.5118800000000001</v>
      </c>
      <c r="C19" s="6">
        <v>13.901199999999999</v>
      </c>
      <c r="D19" s="2">
        <v>576.03300000000002</v>
      </c>
      <c r="E19" s="2">
        <v>100</v>
      </c>
      <c r="F19" s="2">
        <v>-15.8744</v>
      </c>
      <c r="H19">
        <v>66.352099999999993</v>
      </c>
      <c r="I19" s="7">
        <v>2.5118900000000002</v>
      </c>
      <c r="J19" s="7">
        <v>26.415299999999998</v>
      </c>
      <c r="K19">
        <v>576.04100000000005</v>
      </c>
      <c r="L19">
        <v>100.003</v>
      </c>
      <c r="M19">
        <v>32.584299999999999</v>
      </c>
    </row>
    <row r="20" spans="1:13" x14ac:dyDescent="0.25">
      <c r="A20" s="2">
        <v>52.883400000000002</v>
      </c>
      <c r="B20" s="6">
        <v>3.98109</v>
      </c>
      <c r="C20" s="6">
        <v>13.2837</v>
      </c>
      <c r="D20" s="2">
        <v>601.08199999999999</v>
      </c>
      <c r="E20" s="2">
        <v>100.001</v>
      </c>
      <c r="F20" s="2">
        <v>-8.33066</v>
      </c>
      <c r="H20">
        <v>96.5321</v>
      </c>
      <c r="I20" s="7">
        <v>3.98108</v>
      </c>
      <c r="J20" s="7">
        <v>24.247699999999998</v>
      </c>
      <c r="K20">
        <v>601.14099999999996</v>
      </c>
      <c r="L20">
        <v>100</v>
      </c>
      <c r="M20">
        <v>52.432099999999998</v>
      </c>
    </row>
    <row r="21" spans="1:13" x14ac:dyDescent="0.25">
      <c r="A21" s="2">
        <v>79.322400000000002</v>
      </c>
      <c r="B21" s="6">
        <v>6.3096100000000002</v>
      </c>
      <c r="C21" s="6">
        <v>12.5717</v>
      </c>
      <c r="D21" s="2">
        <v>626.15099999999995</v>
      </c>
      <c r="E21" s="2">
        <v>99.998999999999995</v>
      </c>
      <c r="F21" s="2">
        <v>5.2690599999999996</v>
      </c>
      <c r="H21">
        <v>137.173</v>
      </c>
      <c r="I21" s="7">
        <v>6.3095499999999998</v>
      </c>
      <c r="J21" s="7">
        <v>21.740500000000001</v>
      </c>
      <c r="K21">
        <v>626.19500000000005</v>
      </c>
      <c r="L21">
        <v>99.998999999999995</v>
      </c>
      <c r="M21">
        <v>90.774600000000007</v>
      </c>
    </row>
    <row r="22" spans="1:13" x14ac:dyDescent="0.25">
      <c r="A22" s="2">
        <v>117.455</v>
      </c>
      <c r="B22" s="6">
        <v>10.0001</v>
      </c>
      <c r="C22" s="6">
        <v>11.7454</v>
      </c>
      <c r="D22" s="2">
        <v>651.17999999999995</v>
      </c>
      <c r="E22" s="2">
        <v>100.001</v>
      </c>
      <c r="F22" s="2">
        <v>29.733799999999999</v>
      </c>
      <c r="H22">
        <v>185.727</v>
      </c>
      <c r="I22" s="7">
        <v>9.9999900000000004</v>
      </c>
      <c r="J22" s="7">
        <v>18.572700000000001</v>
      </c>
      <c r="K22">
        <v>651.23299999999995</v>
      </c>
      <c r="L22">
        <v>100.001</v>
      </c>
      <c r="M22">
        <v>145.91200000000001</v>
      </c>
    </row>
    <row r="23" spans="1:13" x14ac:dyDescent="0.25">
      <c r="A23" s="2">
        <v>170.92</v>
      </c>
      <c r="B23" s="6">
        <v>15.849</v>
      </c>
      <c r="C23" s="6">
        <v>10.7843</v>
      </c>
      <c r="D23" s="2">
        <v>676.22900000000004</v>
      </c>
      <c r="E23" s="2">
        <v>100.001</v>
      </c>
      <c r="F23" s="2">
        <v>70.6648</v>
      </c>
      <c r="H23">
        <v>248.00700000000001</v>
      </c>
      <c r="I23" s="7">
        <v>15.8489</v>
      </c>
      <c r="J23" s="7">
        <v>15.648199999999999</v>
      </c>
      <c r="K23">
        <v>676.303</v>
      </c>
      <c r="L23">
        <v>99.998999999999995</v>
      </c>
      <c r="M23">
        <v>230.697</v>
      </c>
    </row>
    <row r="24" spans="1:13" x14ac:dyDescent="0.25">
      <c r="A24" s="2">
        <v>243.2</v>
      </c>
      <c r="B24" s="6">
        <v>25.1188</v>
      </c>
      <c r="C24" s="6">
        <v>9.6819600000000001</v>
      </c>
      <c r="D24" s="2">
        <v>701.25599999999997</v>
      </c>
      <c r="E24" s="2">
        <v>100.003</v>
      </c>
      <c r="F24" s="2">
        <v>139.24</v>
      </c>
      <c r="H24">
        <v>329.26600000000002</v>
      </c>
      <c r="I24" s="7">
        <v>25.1188</v>
      </c>
      <c r="J24" s="7">
        <v>13.1084</v>
      </c>
      <c r="K24">
        <v>701.35699999999997</v>
      </c>
      <c r="L24">
        <v>100.001</v>
      </c>
      <c r="M24">
        <v>342.59800000000001</v>
      </c>
    </row>
    <row r="25" spans="1:13" x14ac:dyDescent="0.25">
      <c r="A25" s="2">
        <v>334.53300000000002</v>
      </c>
      <c r="B25" s="6">
        <v>39.810699999999997</v>
      </c>
      <c r="C25" s="6">
        <v>8.4030900000000006</v>
      </c>
      <c r="D25" s="2">
        <v>726.29499999999996</v>
      </c>
      <c r="E25" s="2">
        <v>100.002</v>
      </c>
      <c r="F25" s="2">
        <v>251.709</v>
      </c>
      <c r="H25">
        <v>410.90899999999999</v>
      </c>
      <c r="I25" s="7">
        <v>39.810499999999998</v>
      </c>
      <c r="J25" s="7">
        <v>10.3216</v>
      </c>
      <c r="K25">
        <v>726.37900000000002</v>
      </c>
      <c r="L25">
        <v>100.002</v>
      </c>
      <c r="M25">
        <v>497.60500000000002</v>
      </c>
    </row>
    <row r="26" spans="1:13" x14ac:dyDescent="0.25">
      <c r="A26" s="2">
        <v>441.09399999999999</v>
      </c>
      <c r="B26" s="6">
        <v>63.095599999999997</v>
      </c>
      <c r="C26" s="6">
        <v>6.9908799999999998</v>
      </c>
      <c r="D26" s="2">
        <v>751.35799999999995</v>
      </c>
      <c r="E26" s="2">
        <v>100.002</v>
      </c>
      <c r="F26" s="2">
        <v>431.50299999999999</v>
      </c>
      <c r="H26">
        <v>445.05900000000003</v>
      </c>
      <c r="I26" s="7">
        <v>63.095199999999998</v>
      </c>
      <c r="J26" s="7">
        <v>7.0537799999999997</v>
      </c>
      <c r="K26">
        <v>751.41700000000003</v>
      </c>
      <c r="L26">
        <v>100</v>
      </c>
      <c r="M26">
        <v>654.221</v>
      </c>
    </row>
    <row r="27" spans="1:13" x14ac:dyDescent="0.25">
      <c r="A27" s="2">
        <v>567.34500000000003</v>
      </c>
      <c r="B27" s="6">
        <v>100</v>
      </c>
      <c r="C27" s="6">
        <v>5.6734400000000003</v>
      </c>
      <c r="D27" s="2">
        <v>776.39400000000001</v>
      </c>
      <c r="E27" s="2">
        <v>100</v>
      </c>
      <c r="F27" s="2">
        <v>706.38099999999997</v>
      </c>
      <c r="H27">
        <v>437.48200000000003</v>
      </c>
      <c r="I27" s="7">
        <v>99.997799999999998</v>
      </c>
      <c r="J27" s="7">
        <v>4.3749200000000004</v>
      </c>
      <c r="K27">
        <v>776.51800000000003</v>
      </c>
      <c r="L27">
        <v>100.001</v>
      </c>
      <c r="M27">
        <v>832.56399999999996</v>
      </c>
    </row>
    <row r="28" spans="1:13" x14ac:dyDescent="0.25">
      <c r="A28" s="2">
        <v>495.964</v>
      </c>
      <c r="B28" s="6">
        <v>158.494</v>
      </c>
      <c r="C28" s="6">
        <v>3.1292300000000002</v>
      </c>
      <c r="D28" s="2">
        <v>801.42499999999995</v>
      </c>
      <c r="E28" s="2">
        <v>100.001</v>
      </c>
      <c r="F28" s="2">
        <v>826.072</v>
      </c>
      <c r="H28">
        <v>371.52300000000002</v>
      </c>
      <c r="I28" s="7">
        <v>158.499</v>
      </c>
      <c r="J28" s="7">
        <v>2.3440099999999999</v>
      </c>
      <c r="K28">
        <v>801.55600000000004</v>
      </c>
      <c r="L28">
        <v>100.001</v>
      </c>
      <c r="M28">
        <v>952.37199999999996</v>
      </c>
    </row>
    <row r="29" spans="1:13" x14ac:dyDescent="0.25">
      <c r="A29" s="2">
        <v>371.78100000000001</v>
      </c>
      <c r="B29" s="6">
        <v>200.00299999999999</v>
      </c>
      <c r="C29" s="6">
        <v>1.8588800000000001</v>
      </c>
      <c r="D29" s="2">
        <v>826.47299999999996</v>
      </c>
      <c r="E29" s="2">
        <v>100.004</v>
      </c>
      <c r="F29" s="2">
        <v>767.53399999999999</v>
      </c>
      <c r="H29">
        <v>305.70800000000003</v>
      </c>
      <c r="I29" s="7">
        <v>199.99100000000001</v>
      </c>
      <c r="J29" s="7">
        <v>1.52861</v>
      </c>
      <c r="K29">
        <v>826.61</v>
      </c>
      <c r="L29">
        <v>100</v>
      </c>
      <c r="M29">
        <v>943.01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963F53-FFA4-4423-A489-FEF1A78E8233}">
  <dimension ref="A1:U41"/>
  <sheetViews>
    <sheetView topLeftCell="K1" workbookViewId="0">
      <selection activeCell="K16" sqref="K16"/>
    </sheetView>
  </sheetViews>
  <sheetFormatPr defaultRowHeight="15" x14ac:dyDescent="0.25"/>
  <sheetData>
    <row r="1" spans="1:21" ht="60" x14ac:dyDescent="0.25">
      <c r="A1" s="1" t="s">
        <v>11</v>
      </c>
      <c r="B1" s="1" t="s">
        <v>12</v>
      </c>
      <c r="C1" s="1" t="s">
        <v>13</v>
      </c>
      <c r="D1" s="1" t="s">
        <v>14</v>
      </c>
      <c r="E1" s="1" t="s">
        <v>15</v>
      </c>
      <c r="F1" s="1" t="s">
        <v>3</v>
      </c>
      <c r="G1" s="1" t="s">
        <v>4</v>
      </c>
      <c r="H1" s="1" t="s">
        <v>16</v>
      </c>
      <c r="I1" s="1" t="s">
        <v>17</v>
      </c>
      <c r="J1" s="1" t="s">
        <v>18</v>
      </c>
      <c r="L1" s="1" t="s">
        <v>11</v>
      </c>
      <c r="M1" s="1" t="s">
        <v>12</v>
      </c>
      <c r="N1" s="1" t="s">
        <v>13</v>
      </c>
      <c r="O1" s="4" t="s">
        <v>14</v>
      </c>
      <c r="P1" s="1" t="s">
        <v>15</v>
      </c>
      <c r="Q1" s="1" t="s">
        <v>3</v>
      </c>
      <c r="R1" s="1" t="s">
        <v>4</v>
      </c>
      <c r="S1" s="1" t="s">
        <v>16</v>
      </c>
      <c r="T1" s="1" t="s">
        <v>17</v>
      </c>
      <c r="U1" s="1" t="s">
        <v>18</v>
      </c>
    </row>
    <row r="2" spans="1:21" x14ac:dyDescent="0.25">
      <c r="A2" s="1" t="s">
        <v>6</v>
      </c>
      <c r="B2" s="1" t="s">
        <v>6</v>
      </c>
      <c r="C2" s="1"/>
      <c r="D2" s="1" t="s">
        <v>19</v>
      </c>
      <c r="E2" s="1" t="s">
        <v>20</v>
      </c>
      <c r="F2" s="1" t="s">
        <v>9</v>
      </c>
      <c r="G2" s="1" t="s">
        <v>10</v>
      </c>
      <c r="H2" s="1" t="s">
        <v>21</v>
      </c>
      <c r="I2" s="1" t="s">
        <v>22</v>
      </c>
      <c r="J2" s="1" t="s">
        <v>8</v>
      </c>
      <c r="L2" s="1" t="s">
        <v>6</v>
      </c>
      <c r="M2" s="1" t="s">
        <v>6</v>
      </c>
      <c r="N2" s="1"/>
      <c r="O2" s="4" t="s">
        <v>19</v>
      </c>
      <c r="P2" s="1" t="s">
        <v>20</v>
      </c>
      <c r="Q2" s="1" t="s">
        <v>9</v>
      </c>
      <c r="R2" s="1" t="s">
        <v>10</v>
      </c>
      <c r="S2" s="1" t="s">
        <v>21</v>
      </c>
      <c r="T2" s="1" t="s">
        <v>22</v>
      </c>
      <c r="U2" s="1" t="s">
        <v>8</v>
      </c>
    </row>
    <row r="3" spans="1:21" x14ac:dyDescent="0.25">
      <c r="A3" s="2">
        <v>0.274422</v>
      </c>
      <c r="B3" s="2">
        <v>5.2236099999999999</v>
      </c>
      <c r="C3" s="2">
        <v>19.035</v>
      </c>
      <c r="D3" s="6">
        <v>0.49999900000000003</v>
      </c>
      <c r="E3" s="2">
        <v>132.96</v>
      </c>
      <c r="F3" s="2">
        <v>76.016800000000003</v>
      </c>
      <c r="G3" s="2">
        <v>99.991</v>
      </c>
      <c r="H3" s="2">
        <v>87.325599999999994</v>
      </c>
      <c r="I3" s="2">
        <v>0.105647</v>
      </c>
      <c r="J3" s="6">
        <v>10.4617</v>
      </c>
      <c r="L3" s="2">
        <v>4.3005399999999998</v>
      </c>
      <c r="M3" s="2">
        <v>21.8645</v>
      </c>
      <c r="N3" s="2">
        <v>5.0841200000000004</v>
      </c>
      <c r="O3" s="6">
        <v>0.49999900000000003</v>
      </c>
      <c r="P3" s="2">
        <v>9.9995999999999992</v>
      </c>
      <c r="Q3" s="2">
        <v>25.315999999999999</v>
      </c>
      <c r="R3" s="2">
        <v>100.003</v>
      </c>
      <c r="S3" s="2">
        <v>78.948999999999998</v>
      </c>
      <c r="T3" s="3">
        <v>1.8650699999999999E-3</v>
      </c>
      <c r="U3" s="6">
        <v>44.566899999999997</v>
      </c>
    </row>
    <row r="4" spans="1:21" x14ac:dyDescent="0.25">
      <c r="A4" s="2">
        <v>0.35319099999999998</v>
      </c>
      <c r="B4" s="2">
        <v>6.2416900000000002</v>
      </c>
      <c r="C4" s="2">
        <v>17.6723</v>
      </c>
      <c r="D4" s="6">
        <v>0.60576300000000005</v>
      </c>
      <c r="E4" s="2">
        <v>157.97399999999999</v>
      </c>
      <c r="F4" s="2">
        <v>118.432</v>
      </c>
      <c r="G4" s="2">
        <v>99.99</v>
      </c>
      <c r="H4" s="2">
        <v>87.170100000000005</v>
      </c>
      <c r="I4" s="2">
        <v>0.105035</v>
      </c>
      <c r="J4" s="6">
        <v>10.3203</v>
      </c>
      <c r="L4" s="2">
        <v>5.3995499999999996</v>
      </c>
      <c r="M4" s="2">
        <v>26.0303</v>
      </c>
      <c r="N4" s="2">
        <v>4.8208200000000003</v>
      </c>
      <c r="O4" s="6">
        <v>0.60576300000000005</v>
      </c>
      <c r="P4" s="2">
        <v>9.9995799999999999</v>
      </c>
      <c r="Q4" s="2">
        <v>46.693399999999997</v>
      </c>
      <c r="R4" s="2">
        <v>100.026</v>
      </c>
      <c r="S4" s="2">
        <v>78.375</v>
      </c>
      <c r="T4" s="3">
        <v>1.5634500000000001E-3</v>
      </c>
      <c r="U4" s="6">
        <v>43.885800000000003</v>
      </c>
    </row>
    <row r="5" spans="1:21" x14ac:dyDescent="0.25">
      <c r="A5" s="2">
        <v>0.45657300000000001</v>
      </c>
      <c r="B5" s="2">
        <v>7.4677199999999999</v>
      </c>
      <c r="C5" s="2">
        <v>16.356000000000002</v>
      </c>
      <c r="D5" s="6">
        <v>0.73390100000000003</v>
      </c>
      <c r="E5" s="2">
        <v>188.929</v>
      </c>
      <c r="F5" s="2">
        <v>153.49299999999999</v>
      </c>
      <c r="G5" s="2">
        <v>100.01300000000001</v>
      </c>
      <c r="H5" s="2">
        <v>87.002600000000001</v>
      </c>
      <c r="I5" s="2">
        <v>0.104978</v>
      </c>
      <c r="J5" s="6">
        <v>10.1944</v>
      </c>
      <c r="L5" s="2">
        <v>6.7515000000000001</v>
      </c>
      <c r="M5" s="2">
        <v>30.962800000000001</v>
      </c>
      <c r="N5" s="2">
        <v>4.5860599999999998</v>
      </c>
      <c r="O5" s="6">
        <v>0.73390100000000003</v>
      </c>
      <c r="P5" s="2">
        <v>9.9995499999999993</v>
      </c>
      <c r="Q5" s="2">
        <v>64.533799999999999</v>
      </c>
      <c r="R5" s="2">
        <v>100.002</v>
      </c>
      <c r="S5" s="2">
        <v>77.814499999999995</v>
      </c>
      <c r="T5" s="3">
        <v>1.31167E-3</v>
      </c>
      <c r="U5" s="6">
        <v>43.180700000000002</v>
      </c>
    </row>
    <row r="6" spans="1:21" x14ac:dyDescent="0.25">
      <c r="A6" s="2">
        <v>0.59158999999999995</v>
      </c>
      <c r="B6" s="2">
        <v>8.9321999999999999</v>
      </c>
      <c r="C6" s="2">
        <v>15.098599999999999</v>
      </c>
      <c r="D6" s="6">
        <v>0.88914599999999999</v>
      </c>
      <c r="E6" s="2">
        <v>226.018</v>
      </c>
      <c r="F6" s="2">
        <v>182.59299999999999</v>
      </c>
      <c r="G6" s="2">
        <v>100.001</v>
      </c>
      <c r="H6" s="2">
        <v>86.825599999999994</v>
      </c>
      <c r="I6" s="2">
        <v>0.104978</v>
      </c>
      <c r="J6" s="6">
        <v>10.0678</v>
      </c>
      <c r="L6" s="2">
        <v>8.3958100000000009</v>
      </c>
      <c r="M6" s="2">
        <v>36.570900000000002</v>
      </c>
      <c r="N6" s="2">
        <v>4.3558500000000002</v>
      </c>
      <c r="O6" s="6">
        <v>0.88914599999999999</v>
      </c>
      <c r="P6" s="2">
        <v>9.9995200000000004</v>
      </c>
      <c r="Q6" s="2">
        <v>79.340800000000002</v>
      </c>
      <c r="R6" s="2">
        <v>100.014</v>
      </c>
      <c r="S6" s="2">
        <v>77.212999999999994</v>
      </c>
      <c r="T6" s="3">
        <v>1.1079499999999999E-3</v>
      </c>
      <c r="U6" s="6">
        <v>42.200400000000002</v>
      </c>
    </row>
    <row r="7" spans="1:21" x14ac:dyDescent="0.25">
      <c r="A7" s="2">
        <v>0.76658800000000005</v>
      </c>
      <c r="B7" s="2">
        <v>10.681100000000001</v>
      </c>
      <c r="C7" s="2">
        <v>13.933199999999999</v>
      </c>
      <c r="D7" s="6">
        <v>1.0772200000000001</v>
      </c>
      <c r="E7" s="2">
        <v>270.363</v>
      </c>
      <c r="F7" s="2">
        <v>206.72499999999999</v>
      </c>
      <c r="G7" s="2">
        <v>99.98</v>
      </c>
      <c r="H7" s="2">
        <v>86.649100000000004</v>
      </c>
      <c r="I7" s="2">
        <v>0.10499600000000001</v>
      </c>
      <c r="J7" s="6">
        <v>9.9408899999999996</v>
      </c>
      <c r="L7" s="2">
        <v>10.446300000000001</v>
      </c>
      <c r="M7" s="2">
        <v>43.2044</v>
      </c>
      <c r="N7" s="2">
        <v>4.1358699999999997</v>
      </c>
      <c r="O7" s="6">
        <v>1.0772200000000001</v>
      </c>
      <c r="P7" s="2">
        <v>11.167400000000001</v>
      </c>
      <c r="Q7" s="2">
        <v>103.399</v>
      </c>
      <c r="R7" s="2">
        <v>100.024</v>
      </c>
      <c r="S7" s="2">
        <v>76.5839</v>
      </c>
      <c r="T7" s="3">
        <v>1.0447E-3</v>
      </c>
      <c r="U7" s="6">
        <v>41.262999999999998</v>
      </c>
    </row>
    <row r="8" spans="1:21" x14ac:dyDescent="0.25">
      <c r="A8" s="2">
        <v>0.99436000000000002</v>
      </c>
      <c r="B8" s="2">
        <v>12.761699999999999</v>
      </c>
      <c r="C8" s="2">
        <v>12.834099999999999</v>
      </c>
      <c r="D8" s="6">
        <v>1.30508</v>
      </c>
      <c r="E8" s="2">
        <v>323.24299999999999</v>
      </c>
      <c r="F8" s="2">
        <v>226.876</v>
      </c>
      <c r="G8" s="2">
        <v>99.983999999999995</v>
      </c>
      <c r="H8" s="2">
        <v>86.470699999999994</v>
      </c>
      <c r="I8" s="2">
        <v>0.105045</v>
      </c>
      <c r="J8" s="6">
        <v>9.8081300000000002</v>
      </c>
      <c r="L8" s="2">
        <v>12.914899999999999</v>
      </c>
      <c r="M8" s="2">
        <v>50.731099999999998</v>
      </c>
      <c r="N8" s="2">
        <v>3.9281199999999998</v>
      </c>
      <c r="O8" s="6">
        <v>1.30508</v>
      </c>
      <c r="P8" s="2">
        <v>13.1662</v>
      </c>
      <c r="Q8" s="2">
        <v>123.396</v>
      </c>
      <c r="R8" s="2">
        <v>100.01300000000001</v>
      </c>
      <c r="S8" s="2">
        <v>75.936700000000002</v>
      </c>
      <c r="T8" s="3">
        <v>1.04605E-3</v>
      </c>
      <c r="U8" s="6">
        <v>40.111899999999999</v>
      </c>
    </row>
    <row r="9" spans="1:21" x14ac:dyDescent="0.25">
      <c r="A9" s="2">
        <v>1.2895099999999999</v>
      </c>
      <c r="B9" s="2">
        <v>15.2309</v>
      </c>
      <c r="C9" s="2">
        <v>11.811400000000001</v>
      </c>
      <c r="D9" s="6">
        <v>1.58114</v>
      </c>
      <c r="E9" s="2">
        <v>386.02300000000002</v>
      </c>
      <c r="F9" s="2">
        <v>243.578</v>
      </c>
      <c r="G9" s="2">
        <v>99.98</v>
      </c>
      <c r="H9" s="2">
        <v>86.298699999999997</v>
      </c>
      <c r="I9" s="2">
        <v>0.10509</v>
      </c>
      <c r="J9" s="6">
        <v>9.6672799999999999</v>
      </c>
      <c r="L9" s="2">
        <v>16.001899999999999</v>
      </c>
      <c r="M9" s="2">
        <v>59.584200000000003</v>
      </c>
      <c r="N9" s="2">
        <v>3.72356</v>
      </c>
      <c r="O9" s="6">
        <v>1.58114</v>
      </c>
      <c r="P9" s="2">
        <v>15.4887</v>
      </c>
      <c r="Q9" s="2">
        <v>140.05099999999999</v>
      </c>
      <c r="R9" s="2">
        <v>100.01</v>
      </c>
      <c r="S9" s="2">
        <v>75.239699999999999</v>
      </c>
      <c r="T9" s="3">
        <v>1.04447E-3</v>
      </c>
      <c r="U9" s="6">
        <v>39.019500000000001</v>
      </c>
    </row>
    <row r="10" spans="1:21" x14ac:dyDescent="0.25">
      <c r="A10" s="2">
        <v>1.6712499999999999</v>
      </c>
      <c r="B10" s="2">
        <v>18.156700000000001</v>
      </c>
      <c r="C10" s="2">
        <v>10.864100000000001</v>
      </c>
      <c r="D10" s="6">
        <v>1.9156</v>
      </c>
      <c r="E10" s="2">
        <v>460.46199999999999</v>
      </c>
      <c r="F10" s="2">
        <v>257.41000000000003</v>
      </c>
      <c r="G10" s="2">
        <v>99.992999999999995</v>
      </c>
      <c r="H10" s="2">
        <v>86.141099999999994</v>
      </c>
      <c r="I10" s="2">
        <v>0.10513599999999999</v>
      </c>
      <c r="J10" s="6">
        <v>9.5183599999999995</v>
      </c>
      <c r="L10" s="2">
        <v>19.752800000000001</v>
      </c>
      <c r="M10" s="2">
        <v>69.750500000000002</v>
      </c>
      <c r="N10" s="2">
        <v>3.5311699999999999</v>
      </c>
      <c r="O10" s="6">
        <v>1.9156</v>
      </c>
      <c r="P10" s="2">
        <v>18.222999999999999</v>
      </c>
      <c r="Q10" s="2">
        <v>154.01599999999999</v>
      </c>
      <c r="R10" s="2">
        <v>99.998999999999995</v>
      </c>
      <c r="S10" s="2">
        <v>74.5274</v>
      </c>
      <c r="T10" s="3">
        <v>1.04623E-3</v>
      </c>
      <c r="U10" s="6">
        <v>37.843600000000002</v>
      </c>
    </row>
    <row r="11" spans="1:21" x14ac:dyDescent="0.25">
      <c r="A11" s="2">
        <v>2.1636199999999999</v>
      </c>
      <c r="B11" s="2">
        <v>21.613900000000001</v>
      </c>
      <c r="C11" s="2">
        <v>9.9896899999999995</v>
      </c>
      <c r="D11" s="6">
        <v>2.3208099999999998</v>
      </c>
      <c r="E11" s="2">
        <v>548.48500000000001</v>
      </c>
      <c r="F11" s="2">
        <v>269.07900000000001</v>
      </c>
      <c r="G11" s="2">
        <v>99.995000000000005</v>
      </c>
      <c r="H11" s="2">
        <v>86.008499999999998</v>
      </c>
      <c r="I11" s="2">
        <v>0.105186</v>
      </c>
      <c r="J11" s="6">
        <v>9.3596299999999992</v>
      </c>
      <c r="L11" s="2">
        <v>24.290700000000001</v>
      </c>
      <c r="M11" s="2">
        <v>81.348500000000001</v>
      </c>
      <c r="N11" s="2">
        <v>3.3489599999999999</v>
      </c>
      <c r="O11" s="6">
        <v>2.3208099999999998</v>
      </c>
      <c r="P11" s="2">
        <v>21.340900000000001</v>
      </c>
      <c r="Q11" s="2">
        <v>165.68600000000001</v>
      </c>
      <c r="R11" s="2">
        <v>100.001</v>
      </c>
      <c r="S11" s="2">
        <v>73.798000000000002</v>
      </c>
      <c r="T11" s="3">
        <v>1.0467600000000001E-3</v>
      </c>
      <c r="U11" s="6">
        <v>36.581099999999999</v>
      </c>
    </row>
    <row r="12" spans="1:21" x14ac:dyDescent="0.25">
      <c r="A12" s="2">
        <v>2.79508</v>
      </c>
      <c r="B12" s="2">
        <v>25.679300000000001</v>
      </c>
      <c r="C12" s="2">
        <v>9.1873199999999997</v>
      </c>
      <c r="D12" s="6">
        <v>2.8117399999999999</v>
      </c>
      <c r="E12" s="2">
        <v>652.34400000000005</v>
      </c>
      <c r="F12" s="2">
        <v>279.12099999999998</v>
      </c>
      <c r="G12" s="2">
        <v>100.003</v>
      </c>
      <c r="H12" s="2">
        <v>85.917100000000005</v>
      </c>
      <c r="I12" s="2">
        <v>0.105286</v>
      </c>
      <c r="J12" s="6">
        <v>9.1868099999999995</v>
      </c>
      <c r="L12" s="2">
        <v>29.853999999999999</v>
      </c>
      <c r="M12" s="2">
        <v>94.767399999999995</v>
      </c>
      <c r="N12" s="2">
        <v>3.1743700000000001</v>
      </c>
      <c r="O12" s="6">
        <v>2.8117399999999999</v>
      </c>
      <c r="P12" s="2">
        <v>24.9466</v>
      </c>
      <c r="Q12" s="2">
        <v>175.607</v>
      </c>
      <c r="R12" s="2">
        <v>100.011</v>
      </c>
      <c r="S12" s="2">
        <v>73.043700000000001</v>
      </c>
      <c r="T12" s="3">
        <v>1.0462500000000001E-3</v>
      </c>
      <c r="U12" s="6">
        <v>35.337000000000003</v>
      </c>
    </row>
    <row r="13" spans="1:21" x14ac:dyDescent="0.25">
      <c r="A13" s="2">
        <v>3.5966200000000002</v>
      </c>
      <c r="B13" s="2">
        <v>30.444199999999999</v>
      </c>
      <c r="C13" s="2">
        <v>8.4646600000000003</v>
      </c>
      <c r="D13" s="6">
        <v>3.4064800000000002</v>
      </c>
      <c r="E13" s="2">
        <v>774.28399999999999</v>
      </c>
      <c r="F13" s="2">
        <v>291.14800000000002</v>
      </c>
      <c r="G13" s="2">
        <v>99.998000000000005</v>
      </c>
      <c r="H13" s="2">
        <v>85.895899999999997</v>
      </c>
      <c r="I13" s="2">
        <v>0.105405</v>
      </c>
      <c r="J13" s="6">
        <v>8.9992900000000002</v>
      </c>
      <c r="L13" s="2">
        <v>36.535899999999998</v>
      </c>
      <c r="M13" s="2">
        <v>109.952</v>
      </c>
      <c r="N13" s="2">
        <v>3.00943</v>
      </c>
      <c r="O13" s="6">
        <v>3.4064800000000002</v>
      </c>
      <c r="P13" s="2">
        <v>29.0107</v>
      </c>
      <c r="Q13" s="2">
        <v>187.20699999999999</v>
      </c>
      <c r="R13" s="2">
        <v>99.998000000000005</v>
      </c>
      <c r="S13" s="2">
        <v>72.282600000000002</v>
      </c>
      <c r="T13" s="3">
        <v>1.04433E-3</v>
      </c>
      <c r="U13" s="6">
        <v>34.012700000000002</v>
      </c>
    </row>
    <row r="14" spans="1:21" x14ac:dyDescent="0.25">
      <c r="A14" s="2">
        <v>4.6197600000000003</v>
      </c>
      <c r="B14" s="2">
        <v>36.029499999999999</v>
      </c>
      <c r="C14" s="2">
        <v>7.7989800000000002</v>
      </c>
      <c r="D14" s="6">
        <v>4.1269799999999996</v>
      </c>
      <c r="E14" s="2">
        <v>916.71</v>
      </c>
      <c r="F14" s="2">
        <v>301.12400000000002</v>
      </c>
      <c r="G14" s="2">
        <v>99.998000000000005</v>
      </c>
      <c r="H14" s="2">
        <v>85.956299999999999</v>
      </c>
      <c r="I14" s="2">
        <v>0.105457</v>
      </c>
      <c r="J14" s="6">
        <v>8.8016900000000007</v>
      </c>
      <c r="L14" s="2">
        <v>44.581499999999998</v>
      </c>
      <c r="M14" s="2">
        <v>127.178</v>
      </c>
      <c r="N14" s="2">
        <v>2.8527</v>
      </c>
      <c r="O14" s="6">
        <v>4.1269799999999996</v>
      </c>
      <c r="P14" s="2">
        <v>33.747300000000003</v>
      </c>
      <c r="Q14" s="2">
        <v>197.101</v>
      </c>
      <c r="R14" s="2">
        <v>100.001</v>
      </c>
      <c r="S14" s="2">
        <v>71.516099999999994</v>
      </c>
      <c r="T14" s="3">
        <v>1.04572E-3</v>
      </c>
      <c r="U14" s="6">
        <v>32.654600000000002</v>
      </c>
    </row>
    <row r="15" spans="1:21" x14ac:dyDescent="0.25">
      <c r="A15" s="2">
        <v>5.9134700000000002</v>
      </c>
      <c r="B15" s="2">
        <v>42.502499999999998</v>
      </c>
      <c r="C15" s="2">
        <v>7.1874000000000002</v>
      </c>
      <c r="D15" s="6">
        <v>4.9999900000000004</v>
      </c>
      <c r="E15" s="2">
        <v>1070.99</v>
      </c>
      <c r="F15" s="2">
        <v>317.34100000000001</v>
      </c>
      <c r="G15" s="2">
        <v>100.005</v>
      </c>
      <c r="H15" s="2">
        <v>86.135499999999993</v>
      </c>
      <c r="I15" s="2">
        <v>0.104464</v>
      </c>
      <c r="J15" s="6">
        <v>8.5823900000000002</v>
      </c>
      <c r="L15" s="2">
        <v>54.103400000000001</v>
      </c>
      <c r="M15" s="2">
        <v>146.56899999999999</v>
      </c>
      <c r="N15" s="2">
        <v>2.70905</v>
      </c>
      <c r="O15" s="6">
        <v>4.9999900000000004</v>
      </c>
      <c r="P15" s="2">
        <v>39.094799999999999</v>
      </c>
      <c r="Q15" s="2">
        <v>205.31299999999999</v>
      </c>
      <c r="R15" s="2">
        <v>100.00700000000001</v>
      </c>
      <c r="S15" s="2">
        <v>70.790800000000004</v>
      </c>
      <c r="T15" s="3">
        <v>1.0466200000000001E-3</v>
      </c>
      <c r="U15" s="6">
        <v>31.247199999999999</v>
      </c>
    </row>
    <row r="16" spans="1:21" x14ac:dyDescent="0.25">
      <c r="A16" s="2">
        <v>7.5374600000000003</v>
      </c>
      <c r="B16" s="2">
        <v>50.053800000000003</v>
      </c>
      <c r="C16" s="2">
        <v>6.6406599999999996</v>
      </c>
      <c r="D16" s="6">
        <v>6.0576800000000004</v>
      </c>
      <c r="E16" s="2">
        <v>1260.45</v>
      </c>
      <c r="F16" s="2">
        <v>334.16500000000002</v>
      </c>
      <c r="G16" s="2">
        <v>100.014</v>
      </c>
      <c r="H16" s="2">
        <v>86.488200000000006</v>
      </c>
      <c r="I16" s="2">
        <v>0.104437</v>
      </c>
      <c r="J16" s="6">
        <v>8.3560300000000005</v>
      </c>
      <c r="L16" s="2">
        <v>65.606099999999998</v>
      </c>
      <c r="M16" s="2">
        <v>168.59100000000001</v>
      </c>
      <c r="N16" s="2">
        <v>2.5697399999999999</v>
      </c>
      <c r="O16" s="6">
        <v>6.0576800000000004</v>
      </c>
      <c r="P16" s="2">
        <v>45.115600000000001</v>
      </c>
      <c r="Q16" s="2">
        <v>214.47900000000001</v>
      </c>
      <c r="R16" s="2">
        <v>99.995999999999995</v>
      </c>
      <c r="S16" s="2">
        <v>70.064099999999996</v>
      </c>
      <c r="T16" s="3">
        <v>1.04532E-3</v>
      </c>
      <c r="U16" s="6">
        <v>29.864000000000001</v>
      </c>
    </row>
    <row r="17" spans="1:21" x14ac:dyDescent="0.25">
      <c r="A17" s="2">
        <v>9.5747400000000003</v>
      </c>
      <c r="B17" s="2">
        <v>58.804299999999998</v>
      </c>
      <c r="C17" s="2">
        <v>6.14161</v>
      </c>
      <c r="D17" s="6">
        <v>7.3389499999999996</v>
      </c>
      <c r="E17" s="2">
        <v>1479.31</v>
      </c>
      <c r="F17" s="2">
        <v>353.33800000000002</v>
      </c>
      <c r="G17" s="2">
        <v>99.981999999999999</v>
      </c>
      <c r="H17" s="2">
        <v>87.06</v>
      </c>
      <c r="I17" s="2">
        <v>0.10439</v>
      </c>
      <c r="J17" s="6">
        <v>8.1181599999999996</v>
      </c>
      <c r="L17" s="2">
        <v>79.201400000000007</v>
      </c>
      <c r="M17" s="2">
        <v>193.125</v>
      </c>
      <c r="N17" s="2">
        <v>2.4384000000000001</v>
      </c>
      <c r="O17" s="6">
        <v>7.3389499999999996</v>
      </c>
      <c r="P17" s="2">
        <v>51.911799999999999</v>
      </c>
      <c r="Q17" s="2">
        <v>225.43100000000001</v>
      </c>
      <c r="R17" s="2">
        <v>99.998000000000005</v>
      </c>
      <c r="S17" s="2">
        <v>69.382599999999996</v>
      </c>
      <c r="T17" s="3">
        <v>1.04539E-3</v>
      </c>
      <c r="U17" s="6">
        <v>28.442</v>
      </c>
    </row>
    <row r="18" spans="1:21" x14ac:dyDescent="0.25">
      <c r="A18" s="2">
        <v>12.1149</v>
      </c>
      <c r="B18" s="2">
        <v>68.932599999999994</v>
      </c>
      <c r="C18" s="2">
        <v>5.6899199999999999</v>
      </c>
      <c r="D18" s="6">
        <v>8.8914600000000004</v>
      </c>
      <c r="E18" s="2">
        <v>1732.3</v>
      </c>
      <c r="F18" s="2">
        <v>371.51</v>
      </c>
      <c r="G18" s="2">
        <v>99.988</v>
      </c>
      <c r="H18" s="2">
        <v>87.928299999999993</v>
      </c>
      <c r="I18" s="2">
        <v>0.104351</v>
      </c>
      <c r="J18" s="6">
        <v>7.8715000000000002</v>
      </c>
      <c r="L18" s="2">
        <v>95.263000000000005</v>
      </c>
      <c r="M18" s="2">
        <v>220.58799999999999</v>
      </c>
      <c r="N18" s="2">
        <v>2.3155700000000001</v>
      </c>
      <c r="O18" s="6">
        <v>8.8914600000000004</v>
      </c>
      <c r="P18" s="2">
        <v>59.533299999999997</v>
      </c>
      <c r="Q18" s="2">
        <v>234.65899999999999</v>
      </c>
      <c r="R18" s="2">
        <v>100.005</v>
      </c>
      <c r="S18" s="2">
        <v>68.778400000000005</v>
      </c>
      <c r="T18" s="3">
        <v>1.0453999999999999E-3</v>
      </c>
      <c r="U18" s="6">
        <v>27.023599999999998</v>
      </c>
    </row>
    <row r="19" spans="1:21" x14ac:dyDescent="0.25">
      <c r="A19" s="2">
        <v>15.256600000000001</v>
      </c>
      <c r="B19" s="2">
        <v>80.553200000000004</v>
      </c>
      <c r="C19" s="2">
        <v>5.27989</v>
      </c>
      <c r="D19" s="6">
        <v>10.7721</v>
      </c>
      <c r="E19" s="2">
        <v>2023.36</v>
      </c>
      <c r="F19" s="2">
        <v>390.29300000000001</v>
      </c>
      <c r="G19" s="2">
        <v>100.014</v>
      </c>
      <c r="H19" s="2">
        <v>89.192899999999995</v>
      </c>
      <c r="I19" s="2">
        <v>0.10435899999999999</v>
      </c>
      <c r="J19" s="6">
        <v>7.6109</v>
      </c>
      <c r="L19" s="2">
        <v>114.392</v>
      </c>
      <c r="M19" s="2">
        <v>251.46899999999999</v>
      </c>
      <c r="N19" s="2">
        <v>2.1983100000000002</v>
      </c>
      <c r="O19" s="6">
        <v>10.7721</v>
      </c>
      <c r="P19" s="2">
        <v>68.036900000000003</v>
      </c>
      <c r="Q19" s="2">
        <v>244.702</v>
      </c>
      <c r="R19" s="2">
        <v>99.998999999999995</v>
      </c>
      <c r="S19" s="2">
        <v>68.257199999999997</v>
      </c>
      <c r="T19" s="3">
        <v>1.0442699999999999E-3</v>
      </c>
      <c r="U19" s="6">
        <v>25.6463</v>
      </c>
    </row>
    <row r="20" spans="1:21" x14ac:dyDescent="0.25">
      <c r="A20" s="2">
        <v>19.120100000000001</v>
      </c>
      <c r="B20" s="2">
        <v>93.873500000000007</v>
      </c>
      <c r="C20" s="2">
        <v>4.9096700000000002</v>
      </c>
      <c r="D20" s="6">
        <v>13.050800000000001</v>
      </c>
      <c r="E20" s="2">
        <v>2357.96</v>
      </c>
      <c r="F20" s="2">
        <v>408.39600000000002</v>
      </c>
      <c r="G20" s="2">
        <v>99.995999999999995</v>
      </c>
      <c r="H20" s="2">
        <v>90.9816</v>
      </c>
      <c r="I20" s="2">
        <v>0.104355</v>
      </c>
      <c r="J20" s="6">
        <v>7.3406099999999999</v>
      </c>
      <c r="L20" s="2">
        <v>136.755</v>
      </c>
      <c r="M20" s="2">
        <v>285.70699999999999</v>
      </c>
      <c r="N20" s="2">
        <v>2.0891899999999999</v>
      </c>
      <c r="O20" s="6">
        <v>13.050800000000001</v>
      </c>
      <c r="P20" s="2">
        <v>77.5702</v>
      </c>
      <c r="Q20" s="2">
        <v>255.291</v>
      </c>
      <c r="R20" s="2">
        <v>99.977000000000004</v>
      </c>
      <c r="S20" s="2">
        <v>67.893500000000003</v>
      </c>
      <c r="T20" s="3">
        <v>1.0452599999999999E-3</v>
      </c>
      <c r="U20" s="6">
        <v>24.270499999999998</v>
      </c>
    </row>
    <row r="21" spans="1:21" x14ac:dyDescent="0.25">
      <c r="A21" s="2">
        <v>23.850100000000001</v>
      </c>
      <c r="B21" s="2">
        <v>109.06399999999999</v>
      </c>
      <c r="C21" s="2">
        <v>4.5728999999999997</v>
      </c>
      <c r="D21" s="6">
        <v>15.811400000000001</v>
      </c>
      <c r="E21" s="2">
        <v>2743.43</v>
      </c>
      <c r="F21" s="2">
        <v>427.50900000000001</v>
      </c>
      <c r="G21" s="2">
        <v>100.005</v>
      </c>
      <c r="H21" s="2">
        <v>93.450199999999995</v>
      </c>
      <c r="I21" s="2">
        <v>0.10433000000000001</v>
      </c>
      <c r="J21" s="6">
        <v>7.0608300000000002</v>
      </c>
      <c r="L21" s="2">
        <v>163.29300000000001</v>
      </c>
      <c r="M21" s="2">
        <v>324.26299999999998</v>
      </c>
      <c r="N21" s="2">
        <v>1.98577</v>
      </c>
      <c r="O21" s="6">
        <v>15.811400000000001</v>
      </c>
      <c r="P21" s="2">
        <v>88.043800000000005</v>
      </c>
      <c r="Q21" s="2">
        <v>266.38299999999998</v>
      </c>
      <c r="R21" s="2">
        <v>100.01</v>
      </c>
      <c r="S21" s="2">
        <v>67.713499999999996</v>
      </c>
      <c r="T21" s="3">
        <v>1.044E-3</v>
      </c>
      <c r="U21" s="6">
        <v>22.9618</v>
      </c>
    </row>
    <row r="22" spans="1:21" x14ac:dyDescent="0.25">
      <c r="A22" s="2">
        <v>29.579699999999999</v>
      </c>
      <c r="B22" s="2">
        <v>126.22799999999999</v>
      </c>
      <c r="C22" s="2">
        <v>4.2674000000000003</v>
      </c>
      <c r="D22" s="6">
        <v>19.155999999999999</v>
      </c>
      <c r="E22" s="2">
        <v>3192.68</v>
      </c>
      <c r="F22" s="2">
        <v>446.27300000000002</v>
      </c>
      <c r="G22" s="2">
        <v>99.992000000000004</v>
      </c>
      <c r="H22" s="2">
        <v>96.812700000000007</v>
      </c>
      <c r="I22" s="2">
        <v>0.104354</v>
      </c>
      <c r="J22" s="6">
        <v>6.7679799999999997</v>
      </c>
      <c r="L22" s="2">
        <v>194.429</v>
      </c>
      <c r="M22" s="2">
        <v>367.178</v>
      </c>
      <c r="N22" s="2">
        <v>1.88849</v>
      </c>
      <c r="O22" s="6">
        <v>19.155999999999999</v>
      </c>
      <c r="P22" s="2">
        <v>99.624300000000005</v>
      </c>
      <c r="Q22" s="2">
        <v>276.77100000000002</v>
      </c>
      <c r="R22" s="2">
        <v>99.997</v>
      </c>
      <c r="S22" s="2">
        <v>67.803899999999999</v>
      </c>
      <c r="T22" s="3">
        <v>1.0439399999999999E-3</v>
      </c>
      <c r="U22" s="6">
        <v>21.6892</v>
      </c>
    </row>
    <row r="23" spans="1:21" x14ac:dyDescent="0.25">
      <c r="A23" s="2">
        <v>36.497500000000002</v>
      </c>
      <c r="B23" s="2">
        <v>145.57900000000001</v>
      </c>
      <c r="C23" s="2">
        <v>3.9887299999999999</v>
      </c>
      <c r="D23" s="6">
        <v>23.208100000000002</v>
      </c>
      <c r="E23" s="2">
        <v>3729.1</v>
      </c>
      <c r="F23" s="2">
        <v>465.17200000000003</v>
      </c>
      <c r="G23" s="2">
        <v>100.003</v>
      </c>
      <c r="H23" s="2">
        <v>101.28700000000001</v>
      </c>
      <c r="I23" s="2">
        <v>0.104379</v>
      </c>
      <c r="J23" s="6">
        <v>6.4668799999999997</v>
      </c>
      <c r="L23" s="2">
        <v>230.97499999999999</v>
      </c>
      <c r="M23" s="2">
        <v>415.04700000000003</v>
      </c>
      <c r="N23" s="2">
        <v>1.7969299999999999</v>
      </c>
      <c r="O23" s="6">
        <v>23.208100000000002</v>
      </c>
      <c r="P23" s="2">
        <v>112.166</v>
      </c>
      <c r="Q23" s="2">
        <v>287.28399999999999</v>
      </c>
      <c r="R23" s="2">
        <v>99.984999999999999</v>
      </c>
      <c r="S23" s="2">
        <v>68.262799999999999</v>
      </c>
      <c r="T23" s="3">
        <v>1.0431800000000001E-3</v>
      </c>
      <c r="U23" s="6">
        <v>20.4664</v>
      </c>
    </row>
    <row r="24" spans="1:21" x14ac:dyDescent="0.25">
      <c r="A24" s="2">
        <v>44.806600000000003</v>
      </c>
      <c r="B24" s="2">
        <v>167.33699999999999</v>
      </c>
      <c r="C24" s="2">
        <v>3.7346599999999999</v>
      </c>
      <c r="D24" s="6">
        <v>28.1173</v>
      </c>
      <c r="E24" s="2">
        <v>4398.55</v>
      </c>
      <c r="F24" s="2">
        <v>483.64100000000002</v>
      </c>
      <c r="G24" s="2">
        <v>100.01300000000001</v>
      </c>
      <c r="H24" s="2">
        <v>107.07899999999999</v>
      </c>
      <c r="I24" s="2">
        <v>0.104405</v>
      </c>
      <c r="J24" s="6">
        <v>6.16106</v>
      </c>
      <c r="L24" s="2">
        <v>273.48399999999998</v>
      </c>
      <c r="M24" s="2">
        <v>468.089</v>
      </c>
      <c r="N24" s="2">
        <v>1.7115800000000001</v>
      </c>
      <c r="O24" s="6">
        <v>28.1173</v>
      </c>
      <c r="P24" s="2">
        <v>125.578</v>
      </c>
      <c r="Q24" s="2">
        <v>297.435</v>
      </c>
      <c r="R24" s="2">
        <v>100.005</v>
      </c>
      <c r="S24" s="2">
        <v>69.250600000000006</v>
      </c>
      <c r="T24" s="3">
        <v>1.0425600000000001E-3</v>
      </c>
      <c r="U24" s="6">
        <v>19.280899999999999</v>
      </c>
    </row>
    <row r="25" spans="1:21" x14ac:dyDescent="0.25">
      <c r="A25" s="2">
        <v>54.457900000000002</v>
      </c>
      <c r="B25" s="2">
        <v>191.51300000000001</v>
      </c>
      <c r="C25" s="2">
        <v>3.5167099999999998</v>
      </c>
      <c r="D25" s="6">
        <v>34.064799999999998</v>
      </c>
      <c r="E25" s="2">
        <v>5328.59</v>
      </c>
      <c r="F25" s="2">
        <v>496.36399999999998</v>
      </c>
      <c r="G25" s="2">
        <v>99.986000000000004</v>
      </c>
      <c r="H25" s="2">
        <v>114.375</v>
      </c>
      <c r="I25" s="2">
        <v>0.105308</v>
      </c>
      <c r="J25" s="6">
        <v>5.8449</v>
      </c>
      <c r="L25" s="2">
        <v>322.95699999999999</v>
      </c>
      <c r="M25" s="2">
        <v>527.11400000000003</v>
      </c>
      <c r="N25" s="2">
        <v>1.63215</v>
      </c>
      <c r="O25" s="6">
        <v>34.064799999999998</v>
      </c>
      <c r="P25" s="2">
        <v>139.69300000000001</v>
      </c>
      <c r="Q25" s="2">
        <v>307.98599999999999</v>
      </c>
      <c r="R25" s="2">
        <v>100.002</v>
      </c>
      <c r="S25" s="2">
        <v>70.968999999999994</v>
      </c>
      <c r="T25" s="3">
        <v>1.0411400000000001E-3</v>
      </c>
      <c r="U25" s="6">
        <v>18.147300000000001</v>
      </c>
    </row>
    <row r="26" spans="1:21" x14ac:dyDescent="0.25">
      <c r="A26" s="2">
        <v>66.253399999999999</v>
      </c>
      <c r="B26" s="2">
        <v>218.51599999999999</v>
      </c>
      <c r="C26" s="2">
        <v>3.29819</v>
      </c>
      <c r="D26" s="6">
        <v>41.269799999999996</v>
      </c>
      <c r="E26" s="2">
        <v>6560.56</v>
      </c>
      <c r="F26" s="2">
        <v>508.923</v>
      </c>
      <c r="G26" s="2">
        <v>99.991</v>
      </c>
      <c r="H26" s="2">
        <v>122.84099999999999</v>
      </c>
      <c r="I26" s="2">
        <v>0.10481600000000001</v>
      </c>
      <c r="J26" s="6">
        <v>5.5328299999999997</v>
      </c>
      <c r="L26" s="2">
        <v>380.02199999999999</v>
      </c>
      <c r="M26" s="2">
        <v>592.65800000000002</v>
      </c>
      <c r="N26" s="2">
        <v>1.5595300000000001</v>
      </c>
      <c r="O26" s="6">
        <v>41.269799999999996</v>
      </c>
      <c r="P26" s="2">
        <v>154.482</v>
      </c>
      <c r="Q26" s="2">
        <v>318.79399999999998</v>
      </c>
      <c r="R26" s="2">
        <v>99.997</v>
      </c>
      <c r="S26" s="2">
        <v>73.741100000000003</v>
      </c>
      <c r="T26" s="3">
        <v>1.03994E-3</v>
      </c>
      <c r="U26" s="6">
        <v>17.059200000000001</v>
      </c>
    </row>
    <row r="27" spans="1:21" x14ac:dyDescent="0.25">
      <c r="A27" s="2">
        <v>80.239699999999999</v>
      </c>
      <c r="B27" s="2">
        <v>248.36</v>
      </c>
      <c r="C27" s="2">
        <v>3.0952299999999999</v>
      </c>
      <c r="D27" s="6">
        <v>49.999899999999997</v>
      </c>
      <c r="E27" s="2">
        <v>8383.75</v>
      </c>
      <c r="F27" s="2">
        <v>521.46</v>
      </c>
      <c r="G27" s="2">
        <v>100.002</v>
      </c>
      <c r="H27" s="2">
        <v>132.053</v>
      </c>
      <c r="I27" s="2">
        <v>0.10415199999999999</v>
      </c>
      <c r="J27" s="6">
        <v>5.2200199999999999</v>
      </c>
      <c r="L27" s="2">
        <v>445.04399999999998</v>
      </c>
      <c r="M27" s="2">
        <v>665.38</v>
      </c>
      <c r="N27" s="2">
        <v>1.49509</v>
      </c>
      <c r="O27" s="6">
        <v>49.999899999999997</v>
      </c>
      <c r="P27" s="2">
        <v>170.215</v>
      </c>
      <c r="Q27" s="2">
        <v>329.23099999999999</v>
      </c>
      <c r="R27" s="2">
        <v>99.984999999999999</v>
      </c>
      <c r="S27" s="2">
        <v>78.0428</v>
      </c>
      <c r="T27" s="3">
        <v>1.0401099999999999E-3</v>
      </c>
      <c r="U27" s="6">
        <v>16.010000000000002</v>
      </c>
    </row>
    <row r="28" spans="1:21" x14ac:dyDescent="0.25">
      <c r="A28" s="2">
        <v>96.758200000000002</v>
      </c>
      <c r="B28" s="2">
        <v>280.93700000000001</v>
      </c>
      <c r="C28" s="2">
        <v>2.9034900000000001</v>
      </c>
      <c r="D28" s="6">
        <v>60.575899999999997</v>
      </c>
      <c r="E28" s="2">
        <v>11176.8</v>
      </c>
      <c r="F28" s="2">
        <v>534.06500000000005</v>
      </c>
      <c r="G28" s="2">
        <v>100</v>
      </c>
      <c r="H28" s="2">
        <v>141.23599999999999</v>
      </c>
      <c r="I28" s="2">
        <v>0.103506</v>
      </c>
      <c r="J28" s="6">
        <v>4.9051200000000001</v>
      </c>
      <c r="L28" s="2">
        <v>517.80600000000004</v>
      </c>
      <c r="M28" s="2">
        <v>743.05399999999997</v>
      </c>
      <c r="N28" s="2">
        <v>1.4350000000000001</v>
      </c>
      <c r="O28" s="6">
        <v>60.575899999999997</v>
      </c>
      <c r="P28" s="2">
        <v>187.042</v>
      </c>
      <c r="Q28" s="2">
        <v>340.06099999999998</v>
      </c>
      <c r="R28" s="2">
        <v>100.006</v>
      </c>
      <c r="S28" s="2">
        <v>84.514399999999995</v>
      </c>
      <c r="T28" s="3">
        <v>1.0414000000000001E-3</v>
      </c>
      <c r="U28" s="6">
        <v>14.9511</v>
      </c>
    </row>
    <row r="29" spans="1:21" x14ac:dyDescent="0.25">
      <c r="A29" s="2">
        <v>115.16500000000001</v>
      </c>
      <c r="B29" s="2">
        <v>314.77800000000002</v>
      </c>
      <c r="C29" s="2">
        <v>2.7332900000000002</v>
      </c>
      <c r="D29" s="6">
        <v>73.390100000000004</v>
      </c>
      <c r="E29" s="2">
        <v>15704.7</v>
      </c>
      <c r="F29" s="2">
        <v>553.23199999999997</v>
      </c>
      <c r="G29" s="2">
        <v>100.008</v>
      </c>
      <c r="H29" s="2">
        <v>149.78</v>
      </c>
      <c r="I29" s="2">
        <v>0.10434599999999999</v>
      </c>
      <c r="J29" s="6">
        <v>4.5671499999999998</v>
      </c>
      <c r="L29" s="2">
        <v>598.66399999999999</v>
      </c>
      <c r="M29" s="2">
        <v>823.74400000000003</v>
      </c>
      <c r="N29" s="2">
        <v>1.3759699999999999</v>
      </c>
      <c r="O29" s="6">
        <v>73.390100000000004</v>
      </c>
      <c r="P29" s="2">
        <v>207.55699999999999</v>
      </c>
      <c r="Q29" s="2">
        <v>350.87200000000001</v>
      </c>
      <c r="R29" s="2">
        <v>100.01</v>
      </c>
      <c r="S29" s="2">
        <v>93.938299999999998</v>
      </c>
      <c r="T29" s="3">
        <v>1.0447900000000001E-3</v>
      </c>
      <c r="U29" s="6">
        <v>13.875299999999999</v>
      </c>
    </row>
    <row r="30" spans="1:21" x14ac:dyDescent="0.25">
      <c r="A30" s="2">
        <v>138.26599999999999</v>
      </c>
      <c r="B30" s="2">
        <v>350.60700000000003</v>
      </c>
      <c r="C30" s="2">
        <v>2.5357400000000001</v>
      </c>
      <c r="D30" s="6">
        <v>88.914599999999993</v>
      </c>
      <c r="E30" s="2">
        <v>22501.4</v>
      </c>
      <c r="F30" s="2">
        <v>571.86400000000003</v>
      </c>
      <c r="G30" s="2">
        <v>100.012</v>
      </c>
      <c r="H30" s="2">
        <v>156.95099999999999</v>
      </c>
      <c r="I30" s="2">
        <v>0.10441300000000001</v>
      </c>
      <c r="J30" s="6">
        <v>4.2387300000000003</v>
      </c>
      <c r="L30" s="2">
        <v>688.64499999999998</v>
      </c>
      <c r="M30" s="2">
        <v>909.49800000000005</v>
      </c>
      <c r="N30" s="2">
        <v>1.3207100000000001</v>
      </c>
      <c r="O30" s="6">
        <v>88.914599999999993</v>
      </c>
      <c r="P30" s="2">
        <v>238.74600000000001</v>
      </c>
      <c r="Q30" s="2">
        <v>361.37299999999999</v>
      </c>
      <c r="R30" s="2">
        <v>99.995999999999995</v>
      </c>
      <c r="S30" s="2">
        <v>106.732</v>
      </c>
      <c r="T30" s="3">
        <v>1.0449000000000001E-3</v>
      </c>
      <c r="U30" s="6">
        <v>12.830299999999999</v>
      </c>
    </row>
    <row r="31" spans="1:21" x14ac:dyDescent="0.25">
      <c r="A31" s="2">
        <v>166.601</v>
      </c>
      <c r="B31" s="2">
        <v>388.38499999999999</v>
      </c>
      <c r="C31" s="2">
        <v>2.3312300000000001</v>
      </c>
      <c r="D31" s="6">
        <v>107.72199999999999</v>
      </c>
      <c r="E31" s="2">
        <v>32777.800000000003</v>
      </c>
      <c r="F31" s="2">
        <v>590.65800000000002</v>
      </c>
      <c r="G31" s="2">
        <v>100.009</v>
      </c>
      <c r="H31" s="2">
        <v>162.685</v>
      </c>
      <c r="I31" s="2">
        <v>0.10437399999999999</v>
      </c>
      <c r="J31" s="6">
        <v>3.9231500000000001</v>
      </c>
      <c r="L31" s="2">
        <v>788.68899999999996</v>
      </c>
      <c r="M31" s="2">
        <v>999.39400000000001</v>
      </c>
      <c r="N31" s="2">
        <v>1.2671600000000001</v>
      </c>
      <c r="O31" s="6">
        <v>107.72199999999999</v>
      </c>
      <c r="P31" s="2">
        <v>295.77</v>
      </c>
      <c r="Q31" s="2">
        <v>372.09399999999999</v>
      </c>
      <c r="R31" s="2">
        <v>99.997</v>
      </c>
      <c r="S31" s="2">
        <v>121.962</v>
      </c>
      <c r="T31" s="3">
        <v>1.0436899999999999E-3</v>
      </c>
      <c r="U31" s="6">
        <v>11.8185</v>
      </c>
    </row>
    <row r="32" spans="1:21" x14ac:dyDescent="0.25">
      <c r="A32" s="2">
        <v>200.54300000000001</v>
      </c>
      <c r="B32" s="2">
        <v>425.029</v>
      </c>
      <c r="C32" s="2">
        <v>2.1193900000000001</v>
      </c>
      <c r="D32" s="6">
        <v>130.50700000000001</v>
      </c>
      <c r="E32" s="2">
        <v>48216.6</v>
      </c>
      <c r="F32" s="2">
        <v>609.88400000000001</v>
      </c>
      <c r="G32" s="2">
        <v>99.997</v>
      </c>
      <c r="H32" s="2">
        <v>167.21199999999999</v>
      </c>
      <c r="I32" s="2">
        <v>0.104342</v>
      </c>
      <c r="J32" s="6">
        <v>3.6010800000000001</v>
      </c>
      <c r="L32" s="2">
        <v>905.55799999999999</v>
      </c>
      <c r="M32" s="2">
        <v>1088.52</v>
      </c>
      <c r="N32" s="2">
        <v>1.20204</v>
      </c>
      <c r="O32" s="6">
        <v>130.50700000000001</v>
      </c>
      <c r="P32" s="2">
        <v>403.96600000000001</v>
      </c>
      <c r="Q32" s="2">
        <v>382.863</v>
      </c>
      <c r="R32" s="2">
        <v>100.001</v>
      </c>
      <c r="S32" s="2">
        <v>137.005</v>
      </c>
      <c r="T32" s="3">
        <v>1.05203E-3</v>
      </c>
      <c r="U32" s="6">
        <v>10.849600000000001</v>
      </c>
    </row>
    <row r="33" spans="1:21" x14ac:dyDescent="0.25">
      <c r="A33" s="2">
        <v>236.70400000000001</v>
      </c>
      <c r="B33" s="2">
        <v>454.04399999999998</v>
      </c>
      <c r="C33" s="2">
        <v>1.9181999999999999</v>
      </c>
      <c r="D33" s="6">
        <v>158.11500000000001</v>
      </c>
      <c r="E33" s="2">
        <v>71417.899999999994</v>
      </c>
      <c r="F33" s="2">
        <v>628.673</v>
      </c>
      <c r="G33" s="2">
        <v>99.998999999999995</v>
      </c>
      <c r="H33" s="2">
        <v>170.81</v>
      </c>
      <c r="I33" s="2">
        <v>0.104392</v>
      </c>
      <c r="J33" s="6">
        <v>3.2383999999999999</v>
      </c>
      <c r="L33" s="2">
        <v>1038.8399999999999</v>
      </c>
      <c r="M33" s="2">
        <v>1184.27</v>
      </c>
      <c r="N33" s="2">
        <v>1.1399999999999999</v>
      </c>
      <c r="O33" s="6">
        <v>158.11500000000001</v>
      </c>
      <c r="P33" s="2">
        <v>587.27599999999995</v>
      </c>
      <c r="Q33" s="2">
        <v>393.62400000000002</v>
      </c>
      <c r="R33" s="2">
        <v>100</v>
      </c>
      <c r="S33" s="2">
        <v>149.42400000000001</v>
      </c>
      <c r="T33" s="3">
        <v>1.04867E-3</v>
      </c>
      <c r="U33" s="6">
        <v>9.9632100000000001</v>
      </c>
    </row>
    <row r="34" spans="1:21" x14ac:dyDescent="0.25">
      <c r="A34" s="2">
        <v>280.61599999999999</v>
      </c>
      <c r="B34" s="2">
        <v>454.05500000000001</v>
      </c>
      <c r="C34" s="2">
        <v>1.6180699999999999</v>
      </c>
      <c r="D34" s="6">
        <v>191.559</v>
      </c>
      <c r="E34" s="2">
        <v>105889</v>
      </c>
      <c r="F34" s="2">
        <v>647.72400000000005</v>
      </c>
      <c r="G34" s="2">
        <v>100</v>
      </c>
      <c r="H34" s="2">
        <v>173.81</v>
      </c>
      <c r="I34" s="2">
        <v>0.104504</v>
      </c>
      <c r="J34" s="6">
        <v>2.7864599999999999</v>
      </c>
      <c r="L34" s="2">
        <v>1230.5899999999999</v>
      </c>
      <c r="M34" s="2">
        <v>1271.24</v>
      </c>
      <c r="N34" s="2">
        <v>1.0330299999999999</v>
      </c>
      <c r="O34" s="6">
        <v>191.559</v>
      </c>
      <c r="P34" s="2">
        <v>876.65599999999995</v>
      </c>
      <c r="Q34" s="2">
        <v>404.33</v>
      </c>
      <c r="R34" s="2">
        <v>100.01</v>
      </c>
      <c r="S34" s="2">
        <v>158.55699999999999</v>
      </c>
      <c r="T34" s="3">
        <v>1.04813E-3</v>
      </c>
      <c r="U34" s="6">
        <v>9.2363199999999992</v>
      </c>
    </row>
    <row r="35" spans="1:21" x14ac:dyDescent="0.25">
      <c r="A35" s="2">
        <v>351.46899999999999</v>
      </c>
      <c r="B35" s="2">
        <v>479.58199999999999</v>
      </c>
      <c r="C35" s="2">
        <v>1.3645099999999999</v>
      </c>
      <c r="D35" s="6">
        <v>232.08199999999999</v>
      </c>
      <c r="E35" s="2">
        <v>149334</v>
      </c>
      <c r="F35" s="2">
        <v>660.71500000000003</v>
      </c>
      <c r="G35" s="2">
        <v>100.00700000000001</v>
      </c>
      <c r="H35" s="2">
        <v>175.58099999999999</v>
      </c>
      <c r="I35" s="2">
        <v>9.9714200000000003E-2</v>
      </c>
      <c r="J35" s="6">
        <v>2.5619499999999999</v>
      </c>
      <c r="L35" s="2">
        <v>1413.56</v>
      </c>
      <c r="M35" s="2">
        <v>1383.46</v>
      </c>
      <c r="N35" s="2">
        <v>0.97870400000000002</v>
      </c>
      <c r="O35" s="6">
        <v>232.08199999999999</v>
      </c>
      <c r="P35" s="2">
        <v>1334.42</v>
      </c>
      <c r="Q35" s="2">
        <v>415.01</v>
      </c>
      <c r="R35" s="2">
        <v>100.006</v>
      </c>
      <c r="S35" s="2">
        <v>164.94800000000001</v>
      </c>
      <c r="T35" s="3">
        <v>1.04152E-3</v>
      </c>
      <c r="U35" s="6">
        <v>8.5224399999999996</v>
      </c>
    </row>
    <row r="36" spans="1:21" x14ac:dyDescent="0.25">
      <c r="A36" s="2">
        <v>544.28899999999999</v>
      </c>
      <c r="B36" s="2">
        <v>613.03200000000004</v>
      </c>
      <c r="C36" s="2">
        <v>1.1263000000000001</v>
      </c>
      <c r="D36" s="6">
        <v>281.17099999999999</v>
      </c>
      <c r="E36" s="2">
        <v>149131</v>
      </c>
      <c r="F36" s="2">
        <v>667.20100000000002</v>
      </c>
      <c r="G36" s="2">
        <v>99.992999999999995</v>
      </c>
      <c r="H36" s="2">
        <v>176.13800000000001</v>
      </c>
      <c r="I36" s="2">
        <v>6.8103800000000006E-2</v>
      </c>
      <c r="J36" s="6">
        <v>2.9156399999999998</v>
      </c>
      <c r="L36" s="2">
        <v>1339.6</v>
      </c>
      <c r="M36" s="2">
        <v>1556.47</v>
      </c>
      <c r="N36" s="2">
        <v>1.1618900000000001</v>
      </c>
      <c r="O36" s="6">
        <v>281.17099999999999</v>
      </c>
      <c r="P36" s="2">
        <v>2112.84</v>
      </c>
      <c r="Q36" s="2">
        <v>430.79899999999998</v>
      </c>
      <c r="R36" s="2">
        <v>100.018</v>
      </c>
      <c r="S36" s="2">
        <v>169.36199999999999</v>
      </c>
      <c r="T36" s="3">
        <v>1.04196E-3</v>
      </c>
      <c r="U36" s="6">
        <v>7.3036399999999997</v>
      </c>
    </row>
    <row r="37" spans="1:21" x14ac:dyDescent="0.25">
      <c r="A37" s="2">
        <v>785.96900000000005</v>
      </c>
      <c r="B37" s="2">
        <v>717.66300000000001</v>
      </c>
      <c r="C37" s="2">
        <v>0.91309399999999996</v>
      </c>
      <c r="D37" s="6">
        <v>340.64499999999998</v>
      </c>
      <c r="E37" s="2">
        <v>148836</v>
      </c>
      <c r="F37" s="2">
        <v>673.822</v>
      </c>
      <c r="G37" s="2">
        <v>99.998000000000005</v>
      </c>
      <c r="H37" s="2">
        <v>176.92099999999999</v>
      </c>
      <c r="I37" s="2">
        <v>4.63002E-2</v>
      </c>
      <c r="J37" s="6">
        <v>3.1244399999999999</v>
      </c>
      <c r="L37" s="2">
        <v>1802.9</v>
      </c>
      <c r="M37" s="2">
        <v>1634.41</v>
      </c>
      <c r="N37" s="2">
        <v>0.90654199999999996</v>
      </c>
      <c r="O37" s="6">
        <v>340.64499999999998</v>
      </c>
      <c r="P37" s="2">
        <v>3115.53</v>
      </c>
      <c r="Q37" s="2">
        <v>446.779</v>
      </c>
      <c r="R37" s="2">
        <v>99.997</v>
      </c>
      <c r="S37" s="2">
        <v>172.44900000000001</v>
      </c>
      <c r="T37" s="3">
        <v>1.04181E-3</v>
      </c>
      <c r="U37" s="6">
        <v>7.1436799999999998</v>
      </c>
    </row>
    <row r="38" spans="1:21" x14ac:dyDescent="0.25">
      <c r="A38" s="2">
        <v>994.66200000000003</v>
      </c>
      <c r="B38" s="2">
        <v>721.65099999999995</v>
      </c>
      <c r="C38" s="2">
        <v>0.72552399999999995</v>
      </c>
      <c r="D38" s="6">
        <v>412.702</v>
      </c>
      <c r="E38" s="2">
        <v>148393</v>
      </c>
      <c r="F38" s="2">
        <v>680.55700000000002</v>
      </c>
      <c r="G38" s="2">
        <v>100.001</v>
      </c>
      <c r="H38" s="2">
        <v>177.90700000000001</v>
      </c>
      <c r="I38" s="2">
        <v>3.12208E-2</v>
      </c>
      <c r="J38" s="6">
        <v>2.97763</v>
      </c>
      <c r="L38" s="2">
        <v>2163.91</v>
      </c>
      <c r="M38" s="2">
        <v>1762.17</v>
      </c>
      <c r="N38" s="2">
        <v>0.81434799999999996</v>
      </c>
      <c r="O38" s="6">
        <v>412.702</v>
      </c>
      <c r="P38" s="2">
        <v>4685.28</v>
      </c>
      <c r="Q38" s="2">
        <v>457.55599999999998</v>
      </c>
      <c r="R38" s="2">
        <v>100.009</v>
      </c>
      <c r="S38" s="2">
        <v>174.583</v>
      </c>
      <c r="T38" s="3">
        <v>1.0440499999999999E-3</v>
      </c>
      <c r="U38" s="6">
        <v>6.7619199999999999</v>
      </c>
    </row>
    <row r="39" spans="1:21" x14ac:dyDescent="0.25">
      <c r="A39" s="2">
        <v>689.51400000000001</v>
      </c>
      <c r="B39" s="2">
        <v>832.45</v>
      </c>
      <c r="C39" s="2">
        <v>1.2073</v>
      </c>
      <c r="D39" s="6">
        <v>499.995</v>
      </c>
      <c r="E39" s="2">
        <v>147707</v>
      </c>
      <c r="F39" s="2">
        <v>687.40599999999995</v>
      </c>
      <c r="G39" s="2">
        <v>99.995999999999995</v>
      </c>
      <c r="H39" s="2">
        <v>178.39699999999999</v>
      </c>
      <c r="I39" s="2">
        <v>2.06299E-2</v>
      </c>
      <c r="J39" s="6">
        <v>2.16187</v>
      </c>
      <c r="L39" s="2">
        <v>2412.84</v>
      </c>
      <c r="M39" s="2">
        <v>1820.74</v>
      </c>
      <c r="N39" s="2">
        <v>0.75460400000000005</v>
      </c>
      <c r="O39" s="6">
        <v>499.995</v>
      </c>
      <c r="P39" s="2">
        <v>6986.78</v>
      </c>
      <c r="Q39" s="2">
        <v>468.31200000000001</v>
      </c>
      <c r="R39" s="2">
        <v>100.006</v>
      </c>
      <c r="S39" s="2">
        <v>176.285</v>
      </c>
      <c r="T39" s="3">
        <v>1.0342699999999999E-3</v>
      </c>
      <c r="U39" s="6">
        <v>6.0455100000000002</v>
      </c>
    </row>
    <row r="40" spans="1:21" x14ac:dyDescent="0.25">
      <c r="A40" s="2">
        <v>1039.0899999999999</v>
      </c>
      <c r="B40" s="2">
        <v>1194.97</v>
      </c>
      <c r="C40" s="2">
        <v>1.15001</v>
      </c>
      <c r="D40" s="6">
        <v>605.75800000000004</v>
      </c>
      <c r="E40" s="2">
        <v>146615</v>
      </c>
      <c r="F40" s="2">
        <v>694.25400000000002</v>
      </c>
      <c r="G40" s="2">
        <v>100.00700000000001</v>
      </c>
      <c r="H40" s="2">
        <v>178.43199999999999</v>
      </c>
      <c r="I40" s="2">
        <v>1.3959900000000001E-2</v>
      </c>
      <c r="J40" s="6">
        <v>2.6141800000000002</v>
      </c>
      <c r="L40" s="2">
        <v>3164.92</v>
      </c>
      <c r="M40" s="2">
        <v>1782.48</v>
      </c>
      <c r="N40" s="2">
        <v>0.56320000000000003</v>
      </c>
      <c r="O40" s="6">
        <v>605.75800000000004</v>
      </c>
      <c r="P40" s="2">
        <v>10435.200000000001</v>
      </c>
      <c r="Q40" s="2">
        <v>479.05900000000003</v>
      </c>
      <c r="R40" s="2">
        <v>100.004</v>
      </c>
      <c r="S40" s="2">
        <v>177.54400000000001</v>
      </c>
      <c r="T40" s="3">
        <v>1.0440899999999999E-3</v>
      </c>
      <c r="U40" s="6">
        <v>5.9963800000000003</v>
      </c>
    </row>
    <row r="41" spans="1:21" x14ac:dyDescent="0.25">
      <c r="A41" s="2">
        <v>1118.6300000000001</v>
      </c>
      <c r="B41" s="2">
        <v>1140.24</v>
      </c>
      <c r="C41" s="2">
        <v>1.01932</v>
      </c>
      <c r="D41" s="6">
        <v>627.99699999999996</v>
      </c>
      <c r="E41" s="2">
        <v>146345</v>
      </c>
      <c r="F41" s="2">
        <v>700.84400000000005</v>
      </c>
      <c r="G41" s="2">
        <v>100.006</v>
      </c>
      <c r="H41" s="2">
        <v>178.608</v>
      </c>
      <c r="I41" s="2">
        <v>1.29663E-2</v>
      </c>
      <c r="J41" s="6">
        <v>2.5435400000000001</v>
      </c>
      <c r="L41" s="2">
        <v>2197.06</v>
      </c>
      <c r="M41" s="2">
        <v>1681.74</v>
      </c>
      <c r="N41" s="2">
        <v>0.76545200000000002</v>
      </c>
      <c r="O41" s="6">
        <v>627.99699999999996</v>
      </c>
      <c r="P41" s="2">
        <v>11683.9</v>
      </c>
      <c r="Q41" s="2">
        <v>494.899</v>
      </c>
      <c r="R41" s="2">
        <v>99.988</v>
      </c>
      <c r="S41" s="2">
        <v>177.899</v>
      </c>
      <c r="T41" s="3">
        <v>1.05938E-3</v>
      </c>
      <c r="U41" s="6">
        <v>4.4057899999999997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7724CC-7A47-468A-B150-264023E9029F}">
  <dimension ref="A1:F29"/>
  <sheetViews>
    <sheetView workbookViewId="0">
      <selection activeCell="C3" sqref="C3:C29"/>
    </sheetView>
  </sheetViews>
  <sheetFormatPr defaultRowHeight="15" x14ac:dyDescent="0.25"/>
  <cols>
    <col min="2" max="3" width="9.5703125" bestFit="1" customWidth="1"/>
  </cols>
  <sheetData>
    <row r="1" spans="1:6" ht="30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</row>
    <row r="2" spans="1:6" x14ac:dyDescent="0.25">
      <c r="A2" s="1" t="s">
        <v>6</v>
      </c>
      <c r="B2" s="1" t="s">
        <v>7</v>
      </c>
      <c r="C2" s="1" t="s">
        <v>8</v>
      </c>
      <c r="D2" s="1" t="s">
        <v>9</v>
      </c>
      <c r="E2" s="1" t="s">
        <v>10</v>
      </c>
      <c r="F2" s="1" t="s">
        <v>6</v>
      </c>
    </row>
    <row r="3" spans="1:6" x14ac:dyDescent="0.25">
      <c r="A3" s="2">
        <v>0.36297400000000002</v>
      </c>
      <c r="B3" s="5">
        <v>1.58366E-3</v>
      </c>
      <c r="C3" s="6">
        <v>229.19900000000001</v>
      </c>
      <c r="D3" s="2">
        <v>175.1</v>
      </c>
      <c r="E3" s="2">
        <v>50</v>
      </c>
      <c r="F3" s="2">
        <v>-0.89674200000000004</v>
      </c>
    </row>
    <row r="4" spans="1:6" x14ac:dyDescent="0.25">
      <c r="A4" s="2">
        <v>0.58066499999999999</v>
      </c>
      <c r="B4" s="5">
        <v>2.5161300000000001E-3</v>
      </c>
      <c r="C4" s="6">
        <v>230.77699999999999</v>
      </c>
      <c r="D4" s="2">
        <v>200.14699999999999</v>
      </c>
      <c r="E4" s="2">
        <v>50.003</v>
      </c>
      <c r="F4" s="2">
        <v>-2.6043599999999998</v>
      </c>
    </row>
    <row r="5" spans="1:6" x14ac:dyDescent="0.25">
      <c r="A5" s="2">
        <v>0.92791699999999999</v>
      </c>
      <c r="B5" s="5">
        <v>3.9815600000000003E-3</v>
      </c>
      <c r="C5" s="6">
        <v>233.053</v>
      </c>
      <c r="D5" s="2">
        <v>225.173</v>
      </c>
      <c r="E5" s="2">
        <v>50</v>
      </c>
      <c r="F5" s="2">
        <v>-2.4597799999999999</v>
      </c>
    </row>
    <row r="6" spans="1:6" x14ac:dyDescent="0.25">
      <c r="A6" s="2">
        <v>1.4791700000000001</v>
      </c>
      <c r="B6" s="5">
        <v>6.3130599999999997E-3</v>
      </c>
      <c r="C6" s="6">
        <v>234.303</v>
      </c>
      <c r="D6" s="2">
        <v>250.22900000000001</v>
      </c>
      <c r="E6" s="2">
        <v>50.002000000000002</v>
      </c>
      <c r="F6" s="2">
        <v>-3.7852800000000002</v>
      </c>
    </row>
    <row r="7" spans="1:6" x14ac:dyDescent="0.25">
      <c r="A7" s="2">
        <v>2.3602300000000001</v>
      </c>
      <c r="B7" s="5">
        <v>9.9998499999999994E-3</v>
      </c>
      <c r="C7" s="6">
        <v>236.02699999999999</v>
      </c>
      <c r="D7" s="2">
        <v>275.23899999999998</v>
      </c>
      <c r="E7" s="2">
        <v>50.009</v>
      </c>
      <c r="F7" s="2">
        <v>-3.8955099999999998</v>
      </c>
    </row>
    <row r="8" spans="1:6" x14ac:dyDescent="0.25">
      <c r="A8" s="2">
        <v>3.7374200000000002</v>
      </c>
      <c r="B8" s="6">
        <v>1.5841899999999999E-2</v>
      </c>
      <c r="C8" s="6">
        <v>235.92099999999999</v>
      </c>
      <c r="D8" s="2">
        <v>300.30900000000003</v>
      </c>
      <c r="E8" s="2">
        <v>50.006999999999998</v>
      </c>
      <c r="F8" s="2">
        <v>-4.1839700000000004</v>
      </c>
    </row>
    <row r="9" spans="1:6" x14ac:dyDescent="0.25">
      <c r="A9" s="2">
        <v>5.9007399999999999</v>
      </c>
      <c r="B9" s="6">
        <v>2.5132999999999999E-2</v>
      </c>
      <c r="C9" s="6">
        <v>234.78100000000001</v>
      </c>
      <c r="D9" s="2">
        <v>325.40699999999998</v>
      </c>
      <c r="E9" s="2">
        <v>49.997999999999998</v>
      </c>
      <c r="F9" s="2">
        <v>-4.81602</v>
      </c>
    </row>
    <row r="10" spans="1:6" x14ac:dyDescent="0.25">
      <c r="A10" s="2">
        <v>9.1706099999999999</v>
      </c>
      <c r="B10" s="6">
        <v>3.9801799999999998E-2</v>
      </c>
      <c r="C10" s="6">
        <v>230.40700000000001</v>
      </c>
      <c r="D10" s="2">
        <v>350.45</v>
      </c>
      <c r="E10" s="2">
        <v>50.000999999999998</v>
      </c>
      <c r="F10" s="2">
        <v>-2.9624000000000001</v>
      </c>
    </row>
    <row r="11" spans="1:6" x14ac:dyDescent="0.25">
      <c r="A11" s="2">
        <v>14.007</v>
      </c>
      <c r="B11" s="6">
        <v>6.3085100000000005E-2</v>
      </c>
      <c r="C11" s="6">
        <v>222.03299999999999</v>
      </c>
      <c r="D11" s="2">
        <v>375.54199999999997</v>
      </c>
      <c r="E11" s="2">
        <v>50.000999999999998</v>
      </c>
      <c r="F11" s="2">
        <v>-2.9904500000000001</v>
      </c>
    </row>
    <row r="12" spans="1:6" x14ac:dyDescent="0.25">
      <c r="A12" s="2">
        <v>21.311599999999999</v>
      </c>
      <c r="B12" s="6">
        <v>9.9994799999999995E-2</v>
      </c>
      <c r="C12" s="6">
        <v>213.12799999999999</v>
      </c>
      <c r="D12" s="2">
        <v>400.57499999999999</v>
      </c>
      <c r="E12" s="2">
        <v>50.000999999999998</v>
      </c>
      <c r="F12" s="2">
        <v>-4.5071599999999998</v>
      </c>
    </row>
    <row r="13" spans="1:6" x14ac:dyDescent="0.25">
      <c r="A13" s="2">
        <v>32.379100000000001</v>
      </c>
      <c r="B13" s="6">
        <v>0.158497</v>
      </c>
      <c r="C13" s="6">
        <v>204.28800000000001</v>
      </c>
      <c r="D13" s="2">
        <v>425.637</v>
      </c>
      <c r="E13" s="2">
        <v>50.000999999999998</v>
      </c>
      <c r="F13" s="2">
        <v>-8.69651</v>
      </c>
    </row>
    <row r="14" spans="1:6" x14ac:dyDescent="0.25">
      <c r="A14" s="2">
        <v>49.061999999999998</v>
      </c>
      <c r="B14" s="6">
        <v>0.251195</v>
      </c>
      <c r="C14" s="6">
        <v>195.315</v>
      </c>
      <c r="D14" s="2">
        <v>450.673</v>
      </c>
      <c r="E14" s="2">
        <v>49.997999999999998</v>
      </c>
      <c r="F14" s="2">
        <v>-7.2794400000000001</v>
      </c>
    </row>
    <row r="15" spans="1:6" x14ac:dyDescent="0.25">
      <c r="A15" s="2">
        <v>74.217699999999994</v>
      </c>
      <c r="B15" s="6">
        <v>0.398115</v>
      </c>
      <c r="C15" s="6">
        <v>186.423</v>
      </c>
      <c r="D15" s="2">
        <v>475.721</v>
      </c>
      <c r="E15" s="2">
        <v>50</v>
      </c>
      <c r="F15" s="2">
        <v>13.463800000000001</v>
      </c>
    </row>
    <row r="16" spans="1:6" x14ac:dyDescent="0.25">
      <c r="A16" s="2">
        <v>111.459</v>
      </c>
      <c r="B16" s="6">
        <v>0.63095699999999999</v>
      </c>
      <c r="C16" s="6">
        <v>176.65</v>
      </c>
      <c r="D16" s="2">
        <v>500.80599999999998</v>
      </c>
      <c r="E16" s="2">
        <v>49.997</v>
      </c>
      <c r="F16" s="2">
        <v>29.066199999999998</v>
      </c>
    </row>
    <row r="17" spans="1:6" x14ac:dyDescent="0.25">
      <c r="A17" s="2">
        <v>165.87200000000001</v>
      </c>
      <c r="B17" s="6">
        <v>1.0000100000000001</v>
      </c>
      <c r="C17" s="6">
        <v>165.87100000000001</v>
      </c>
      <c r="D17" s="2">
        <v>525.87900000000002</v>
      </c>
      <c r="E17" s="2">
        <v>50.000999999999998</v>
      </c>
      <c r="F17" s="2">
        <v>62.624099999999999</v>
      </c>
    </row>
    <row r="18" spans="1:6" x14ac:dyDescent="0.25">
      <c r="A18" s="2">
        <v>244.26499999999999</v>
      </c>
      <c r="B18" s="6">
        <v>1.5848800000000001</v>
      </c>
      <c r="C18" s="6">
        <v>154.12200000000001</v>
      </c>
      <c r="D18" s="2">
        <v>550.97500000000002</v>
      </c>
      <c r="E18" s="2">
        <v>50.002000000000002</v>
      </c>
      <c r="F18" s="2">
        <v>111.682</v>
      </c>
    </row>
    <row r="19" spans="1:6" x14ac:dyDescent="0.25">
      <c r="A19" s="2">
        <v>353.75200000000001</v>
      </c>
      <c r="B19" s="6">
        <v>2.5118999999999998</v>
      </c>
      <c r="C19" s="6">
        <v>140.83099999999999</v>
      </c>
      <c r="D19" s="2">
        <v>576.02099999999996</v>
      </c>
      <c r="E19" s="2">
        <v>50.003</v>
      </c>
      <c r="F19" s="2">
        <v>215.709</v>
      </c>
    </row>
    <row r="20" spans="1:6" x14ac:dyDescent="0.25">
      <c r="A20" s="2">
        <v>503.06900000000002</v>
      </c>
      <c r="B20" s="6">
        <v>3.98108</v>
      </c>
      <c r="C20" s="6">
        <v>126.36499999999999</v>
      </c>
      <c r="D20" s="2">
        <v>601.07399999999996</v>
      </c>
      <c r="E20" s="2">
        <v>50</v>
      </c>
      <c r="F20" s="2">
        <v>370.17399999999998</v>
      </c>
    </row>
    <row r="21" spans="1:6" x14ac:dyDescent="0.25">
      <c r="A21" s="2">
        <v>698.30399999999997</v>
      </c>
      <c r="B21" s="6">
        <v>6.3095999999999997</v>
      </c>
      <c r="C21" s="6">
        <v>110.673</v>
      </c>
      <c r="D21" s="2">
        <v>626.15499999999997</v>
      </c>
      <c r="E21" s="2">
        <v>50</v>
      </c>
      <c r="F21" s="2">
        <v>631.27</v>
      </c>
    </row>
    <row r="22" spans="1:6" x14ac:dyDescent="0.25">
      <c r="A22" s="2">
        <v>934.33900000000006</v>
      </c>
      <c r="B22" s="6">
        <v>10</v>
      </c>
      <c r="C22" s="6">
        <v>93.433599999999998</v>
      </c>
      <c r="D22" s="2">
        <v>651.22400000000005</v>
      </c>
      <c r="E22" s="2">
        <v>50</v>
      </c>
      <c r="F22" s="2">
        <v>1031.67</v>
      </c>
    </row>
    <row r="23" spans="1:6" x14ac:dyDescent="0.25">
      <c r="A23" s="2">
        <v>1148.3800000000001</v>
      </c>
      <c r="B23" s="6">
        <v>15.8491</v>
      </c>
      <c r="C23" s="6">
        <v>72.456999999999994</v>
      </c>
      <c r="D23" s="2">
        <v>676.28399999999999</v>
      </c>
      <c r="E23" s="2">
        <v>50.000999999999998</v>
      </c>
      <c r="F23" s="2">
        <v>1614.76</v>
      </c>
    </row>
    <row r="24" spans="1:6" x14ac:dyDescent="0.25">
      <c r="A24" s="2">
        <v>1054.73</v>
      </c>
      <c r="B24" s="6">
        <v>25.119599999999998</v>
      </c>
      <c r="C24" s="6">
        <v>41.988500000000002</v>
      </c>
      <c r="D24" s="2">
        <v>701.33199999999999</v>
      </c>
      <c r="E24" s="2">
        <v>49.997999999999998</v>
      </c>
      <c r="F24" s="2">
        <v>2127.11</v>
      </c>
    </row>
    <row r="25" spans="1:6" x14ac:dyDescent="0.25">
      <c r="A25" s="2">
        <v>737.63499999999999</v>
      </c>
      <c r="B25" s="6">
        <v>39.811199999999999</v>
      </c>
      <c r="C25" s="6">
        <v>18.528300000000002</v>
      </c>
      <c r="D25" s="2">
        <v>726.35</v>
      </c>
      <c r="E25" s="2">
        <v>50.003999999999998</v>
      </c>
      <c r="F25" s="2">
        <v>2054.71</v>
      </c>
    </row>
    <row r="26" spans="1:6" x14ac:dyDescent="0.25">
      <c r="A26" s="2">
        <v>415.74299999999999</v>
      </c>
      <c r="B26" s="6">
        <v>63.098399999999998</v>
      </c>
      <c r="C26" s="6">
        <v>6.5888</v>
      </c>
      <c r="D26" s="2">
        <v>751.36599999999999</v>
      </c>
      <c r="E26" s="2">
        <v>50.000999999999998</v>
      </c>
      <c r="F26" s="2">
        <v>1602.45</v>
      </c>
    </row>
    <row r="27" spans="1:6" x14ac:dyDescent="0.25">
      <c r="A27" s="2">
        <v>91.560400000000001</v>
      </c>
      <c r="B27" s="6">
        <v>100.002</v>
      </c>
      <c r="C27" s="6">
        <v>0.91558499999999998</v>
      </c>
      <c r="D27" s="2">
        <v>776.40099999999995</v>
      </c>
      <c r="E27" s="2">
        <v>50.002000000000002</v>
      </c>
      <c r="F27" s="2">
        <v>715.90200000000004</v>
      </c>
    </row>
    <row r="28" spans="1:6" x14ac:dyDescent="0.25">
      <c r="A28" s="2">
        <v>39.953699999999998</v>
      </c>
      <c r="B28" s="6">
        <v>158.48699999999999</v>
      </c>
      <c r="C28" s="6">
        <v>0.25209500000000001</v>
      </c>
      <c r="D28" s="2">
        <v>801.44799999999998</v>
      </c>
      <c r="E28" s="2">
        <v>50.003</v>
      </c>
      <c r="F28" s="2">
        <v>412.08699999999999</v>
      </c>
    </row>
    <row r="29" spans="1:6" x14ac:dyDescent="0.25">
      <c r="A29" s="2">
        <v>9.7174200000000006</v>
      </c>
      <c r="B29" s="6">
        <v>200.012</v>
      </c>
      <c r="C29" s="6">
        <v>4.8584200000000001E-2</v>
      </c>
      <c r="D29" s="2">
        <v>826.476</v>
      </c>
      <c r="E29" s="2">
        <v>50</v>
      </c>
      <c r="F29" s="2">
        <v>141.85900000000001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EB654F-7B20-412E-BC00-E2F6CC61F864}">
  <dimension ref="A1:J41"/>
  <sheetViews>
    <sheetView workbookViewId="0">
      <selection activeCell="J3" sqref="J3:J41"/>
    </sheetView>
  </sheetViews>
  <sheetFormatPr defaultRowHeight="15" x14ac:dyDescent="0.25"/>
  <sheetData>
    <row r="1" spans="1:10" ht="60" x14ac:dyDescent="0.25">
      <c r="A1" s="1" t="s">
        <v>11</v>
      </c>
      <c r="B1" s="1" t="s">
        <v>12</v>
      </c>
      <c r="C1" s="1" t="s">
        <v>13</v>
      </c>
      <c r="D1" s="1" t="s">
        <v>14</v>
      </c>
      <c r="E1" s="1" t="s">
        <v>15</v>
      </c>
      <c r="F1" s="1" t="s">
        <v>3</v>
      </c>
      <c r="G1" s="1" t="s">
        <v>4</v>
      </c>
      <c r="H1" s="1" t="s">
        <v>16</v>
      </c>
      <c r="I1" s="1" t="s">
        <v>17</v>
      </c>
      <c r="J1" s="1" t="s">
        <v>18</v>
      </c>
    </row>
    <row r="2" spans="1:10" x14ac:dyDescent="0.25">
      <c r="A2" s="1" t="s">
        <v>6</v>
      </c>
      <c r="B2" s="1" t="s">
        <v>6</v>
      </c>
      <c r="C2" s="1"/>
      <c r="D2" s="1" t="s">
        <v>19</v>
      </c>
      <c r="E2" s="1" t="s">
        <v>20</v>
      </c>
      <c r="F2" s="1" t="s">
        <v>9</v>
      </c>
      <c r="G2" s="1" t="s">
        <v>10</v>
      </c>
      <c r="H2" s="1" t="s">
        <v>21</v>
      </c>
      <c r="I2" s="1" t="s">
        <v>22</v>
      </c>
      <c r="J2" s="1" t="s">
        <v>8</v>
      </c>
    </row>
    <row r="3" spans="1:10" x14ac:dyDescent="0.25">
      <c r="A3" s="2">
        <v>11.515499999999999</v>
      </c>
      <c r="B3" s="2">
        <v>83.104600000000005</v>
      </c>
      <c r="C3" s="2">
        <v>7.2167399999999997</v>
      </c>
      <c r="D3" s="6">
        <v>0.49999900000000003</v>
      </c>
      <c r="E3" s="2">
        <v>2208.9299999999998</v>
      </c>
      <c r="F3" s="2">
        <v>101.22499999999999</v>
      </c>
      <c r="G3" s="2">
        <v>49.997</v>
      </c>
      <c r="H3" s="2">
        <v>82.130300000000005</v>
      </c>
      <c r="I3" s="2">
        <v>0.109403</v>
      </c>
      <c r="J3" s="6">
        <v>167.798</v>
      </c>
    </row>
    <row r="4" spans="1:10" x14ac:dyDescent="0.25">
      <c r="A4" s="2">
        <v>14.4091</v>
      </c>
      <c r="B4" s="2">
        <v>96.752899999999997</v>
      </c>
      <c r="C4" s="2">
        <v>6.7147300000000003</v>
      </c>
      <c r="D4" s="6">
        <v>0.60576300000000005</v>
      </c>
      <c r="E4" s="2">
        <v>2467.75</v>
      </c>
      <c r="F4" s="2">
        <v>164.596</v>
      </c>
      <c r="G4" s="2">
        <v>50.003999999999998</v>
      </c>
      <c r="H4" s="2">
        <v>81.553899999999999</v>
      </c>
      <c r="I4" s="2">
        <v>0.10483000000000001</v>
      </c>
      <c r="J4" s="6">
        <v>161.482</v>
      </c>
    </row>
    <row r="5" spans="1:10" x14ac:dyDescent="0.25">
      <c r="A5" s="2">
        <v>18.075500000000002</v>
      </c>
      <c r="B5" s="2">
        <v>113.179</v>
      </c>
      <c r="C5" s="2">
        <v>6.2614599999999996</v>
      </c>
      <c r="D5" s="6">
        <v>0.73390100000000003</v>
      </c>
      <c r="E5" s="2">
        <v>2886.14</v>
      </c>
      <c r="F5" s="2">
        <v>216.87100000000001</v>
      </c>
      <c r="G5" s="2">
        <v>50.009</v>
      </c>
      <c r="H5" s="2">
        <v>80.956800000000001</v>
      </c>
      <c r="I5" s="2">
        <v>0.104642</v>
      </c>
      <c r="J5" s="6">
        <v>156.16999999999999</v>
      </c>
    </row>
    <row r="6" spans="1:10" x14ac:dyDescent="0.25">
      <c r="A6" s="2">
        <v>22.6755</v>
      </c>
      <c r="B6" s="2">
        <v>132.416</v>
      </c>
      <c r="C6" s="2">
        <v>5.8396100000000004</v>
      </c>
      <c r="D6" s="6">
        <v>0.88914599999999999</v>
      </c>
      <c r="E6" s="2">
        <v>3379.66</v>
      </c>
      <c r="F6" s="2">
        <v>260.303</v>
      </c>
      <c r="G6" s="2">
        <v>50.014000000000003</v>
      </c>
      <c r="H6" s="2">
        <v>80.321299999999994</v>
      </c>
      <c r="I6" s="2">
        <v>0.104542</v>
      </c>
      <c r="J6" s="6">
        <v>151.09299999999999</v>
      </c>
    </row>
    <row r="7" spans="1:10" x14ac:dyDescent="0.25">
      <c r="A7" s="2">
        <v>28.3795</v>
      </c>
      <c r="B7" s="2">
        <v>154.703</v>
      </c>
      <c r="C7" s="2">
        <v>5.4512099999999997</v>
      </c>
      <c r="D7" s="6">
        <v>1.0772200000000001</v>
      </c>
      <c r="E7" s="2">
        <v>3954.79</v>
      </c>
      <c r="F7" s="2">
        <v>296.613</v>
      </c>
      <c r="G7" s="2">
        <v>49.999000000000002</v>
      </c>
      <c r="H7" s="2">
        <v>79.653300000000002</v>
      </c>
      <c r="I7" s="2">
        <v>0.104494</v>
      </c>
      <c r="J7" s="6">
        <v>146.00899999999999</v>
      </c>
    </row>
    <row r="8" spans="1:10" x14ac:dyDescent="0.25">
      <c r="A8" s="2">
        <v>35.417999999999999</v>
      </c>
      <c r="B8" s="2">
        <v>180.34399999999999</v>
      </c>
      <c r="C8" s="2">
        <v>5.0918900000000002</v>
      </c>
      <c r="D8" s="6">
        <v>1.30508</v>
      </c>
      <c r="E8" s="2">
        <v>4619.2700000000004</v>
      </c>
      <c r="F8" s="2">
        <v>326.46600000000001</v>
      </c>
      <c r="G8" s="2">
        <v>49.999000000000002</v>
      </c>
      <c r="H8" s="2">
        <v>78.9499</v>
      </c>
      <c r="I8" s="2">
        <v>0.10445599999999999</v>
      </c>
      <c r="J8" s="6">
        <v>140.82599999999999</v>
      </c>
    </row>
    <row r="9" spans="1:10" x14ac:dyDescent="0.25">
      <c r="A9" s="2">
        <v>44.080599999999997</v>
      </c>
      <c r="B9" s="2">
        <v>209.77600000000001</v>
      </c>
      <c r="C9" s="2">
        <v>4.7589100000000002</v>
      </c>
      <c r="D9" s="6">
        <v>1.58114</v>
      </c>
      <c r="E9" s="2">
        <v>5385.15</v>
      </c>
      <c r="F9" s="2">
        <v>351.24</v>
      </c>
      <c r="G9" s="2">
        <v>50.01</v>
      </c>
      <c r="H9" s="2">
        <v>78.209599999999995</v>
      </c>
      <c r="I9" s="2">
        <v>0.104417</v>
      </c>
      <c r="J9" s="6">
        <v>135.571</v>
      </c>
    </row>
    <row r="10" spans="1:10" x14ac:dyDescent="0.25">
      <c r="A10" s="2">
        <v>54.6631</v>
      </c>
      <c r="B10" s="2">
        <v>243.351</v>
      </c>
      <c r="C10" s="2">
        <v>4.4518399999999998</v>
      </c>
      <c r="D10" s="6">
        <v>1.9156</v>
      </c>
      <c r="E10" s="2">
        <v>6262.73</v>
      </c>
      <c r="F10" s="2">
        <v>371.99099999999999</v>
      </c>
      <c r="G10" s="2">
        <v>50.006</v>
      </c>
      <c r="H10" s="2">
        <v>77.436700000000002</v>
      </c>
      <c r="I10" s="2">
        <v>0.104375</v>
      </c>
      <c r="J10" s="6">
        <v>130.202</v>
      </c>
    </row>
    <row r="11" spans="1:10" x14ac:dyDescent="0.25">
      <c r="A11" s="2">
        <v>67.503600000000006</v>
      </c>
      <c r="B11" s="2">
        <v>281.363</v>
      </c>
      <c r="C11" s="2">
        <v>4.16812</v>
      </c>
      <c r="D11" s="6">
        <v>2.3208099999999998</v>
      </c>
      <c r="E11" s="2">
        <v>7263.35</v>
      </c>
      <c r="F11" s="2">
        <v>389.12799999999999</v>
      </c>
      <c r="G11" s="2">
        <v>50.01</v>
      </c>
      <c r="H11" s="2">
        <v>76.631100000000004</v>
      </c>
      <c r="I11" s="2">
        <v>0.10435999999999999</v>
      </c>
      <c r="J11" s="6">
        <v>124.675</v>
      </c>
    </row>
    <row r="12" spans="1:10" x14ac:dyDescent="0.25">
      <c r="A12" s="2">
        <v>83.066599999999994</v>
      </c>
      <c r="B12" s="2">
        <v>324.33499999999998</v>
      </c>
      <c r="C12" s="2">
        <v>3.9045200000000002</v>
      </c>
      <c r="D12" s="6">
        <v>2.8117399999999999</v>
      </c>
      <c r="E12" s="2">
        <v>8394.7999999999993</v>
      </c>
      <c r="F12" s="2">
        <v>403.78699999999998</v>
      </c>
      <c r="G12" s="2">
        <v>50.002000000000002</v>
      </c>
      <c r="H12" s="2">
        <v>75.789599999999993</v>
      </c>
      <c r="I12" s="2">
        <v>0.10426000000000001</v>
      </c>
      <c r="J12" s="6">
        <v>119.07299999999999</v>
      </c>
    </row>
    <row r="13" spans="1:10" x14ac:dyDescent="0.25">
      <c r="A13" s="2">
        <v>101.54</v>
      </c>
      <c r="B13" s="2">
        <v>372.19400000000002</v>
      </c>
      <c r="C13" s="2">
        <v>3.66547</v>
      </c>
      <c r="D13" s="6">
        <v>3.4064800000000002</v>
      </c>
      <c r="E13" s="2">
        <v>9670.26</v>
      </c>
      <c r="F13" s="2">
        <v>421.59800000000001</v>
      </c>
      <c r="G13" s="2">
        <v>49.981999999999999</v>
      </c>
      <c r="H13" s="2">
        <v>74.937399999999997</v>
      </c>
      <c r="I13" s="2">
        <v>0.104253</v>
      </c>
      <c r="J13" s="6">
        <v>113.254</v>
      </c>
    </row>
    <row r="14" spans="1:10" x14ac:dyDescent="0.25">
      <c r="A14" s="2">
        <v>123.621</v>
      </c>
      <c r="B14" s="2">
        <v>425.56700000000001</v>
      </c>
      <c r="C14" s="2">
        <v>3.4425300000000001</v>
      </c>
      <c r="D14" s="6">
        <v>4.1269799999999996</v>
      </c>
      <c r="E14" s="2">
        <v>11095.6</v>
      </c>
      <c r="F14" s="2">
        <v>436.387</v>
      </c>
      <c r="G14" s="2">
        <v>49.999000000000002</v>
      </c>
      <c r="H14" s="2">
        <v>74.053899999999999</v>
      </c>
      <c r="I14" s="2">
        <v>0.104171</v>
      </c>
      <c r="J14" s="6">
        <v>107.381</v>
      </c>
    </row>
    <row r="15" spans="1:10" x14ac:dyDescent="0.25">
      <c r="A15" s="2">
        <v>149.648</v>
      </c>
      <c r="B15" s="2">
        <v>484.452</v>
      </c>
      <c r="C15" s="2">
        <v>3.2372800000000002</v>
      </c>
      <c r="D15" s="6">
        <v>4.9999900000000004</v>
      </c>
      <c r="E15" s="2">
        <v>12670</v>
      </c>
      <c r="F15" s="2">
        <v>452.58</v>
      </c>
      <c r="G15" s="2">
        <v>49.993000000000002</v>
      </c>
      <c r="H15" s="2">
        <v>73.156300000000002</v>
      </c>
      <c r="I15" s="2">
        <v>0.104015</v>
      </c>
      <c r="J15" s="6">
        <v>101.408</v>
      </c>
    </row>
    <row r="16" spans="1:10" x14ac:dyDescent="0.25">
      <c r="A16" s="2">
        <v>180.102</v>
      </c>
      <c r="B16" s="2">
        <v>548.66999999999996</v>
      </c>
      <c r="C16" s="2">
        <v>3.04644</v>
      </c>
      <c r="D16" s="6">
        <v>6.0576800000000004</v>
      </c>
      <c r="E16" s="2">
        <v>14411.3</v>
      </c>
      <c r="F16" s="2">
        <v>469.40600000000001</v>
      </c>
      <c r="G16" s="2">
        <v>49.978000000000002</v>
      </c>
      <c r="H16" s="2">
        <v>72.241699999999994</v>
      </c>
      <c r="I16" s="2">
        <v>0.103946</v>
      </c>
      <c r="J16" s="6">
        <v>95.329300000000003</v>
      </c>
    </row>
    <row r="17" spans="1:10" x14ac:dyDescent="0.25">
      <c r="A17" s="2">
        <v>215.476</v>
      </c>
      <c r="B17" s="2">
        <v>618.14</v>
      </c>
      <c r="C17" s="2">
        <v>2.8687200000000002</v>
      </c>
      <c r="D17" s="6">
        <v>7.3389499999999996</v>
      </c>
      <c r="E17" s="2">
        <v>16303.2</v>
      </c>
      <c r="F17" s="2">
        <v>488.61599999999999</v>
      </c>
      <c r="G17" s="2">
        <v>49.981000000000002</v>
      </c>
      <c r="H17" s="2">
        <v>71.316900000000004</v>
      </c>
      <c r="I17" s="2">
        <v>0.103825</v>
      </c>
      <c r="J17" s="6">
        <v>89.197999999999993</v>
      </c>
    </row>
    <row r="18" spans="1:10" x14ac:dyDescent="0.25">
      <c r="A18" s="2">
        <v>256.22300000000001</v>
      </c>
      <c r="B18" s="2">
        <v>692.774</v>
      </c>
      <c r="C18" s="2">
        <v>2.7037900000000001</v>
      </c>
      <c r="D18" s="6">
        <v>8.8914600000000004</v>
      </c>
      <c r="E18" s="2">
        <v>18338.599999999999</v>
      </c>
      <c r="F18" s="2">
        <v>506.77199999999999</v>
      </c>
      <c r="G18" s="2">
        <v>49.984999999999999</v>
      </c>
      <c r="H18" s="2">
        <v>70.3964</v>
      </c>
      <c r="I18" s="2">
        <v>0.103628</v>
      </c>
      <c r="J18" s="6">
        <v>83.072699999999998</v>
      </c>
    </row>
    <row r="19" spans="1:10" x14ac:dyDescent="0.25">
      <c r="A19" s="2">
        <v>301.48099999999999</v>
      </c>
      <c r="B19" s="2">
        <v>770.68499999999995</v>
      </c>
      <c r="C19" s="2">
        <v>2.55633</v>
      </c>
      <c r="D19" s="6">
        <v>10.7721</v>
      </c>
      <c r="E19" s="2">
        <v>20502.599999999999</v>
      </c>
      <c r="F19" s="2">
        <v>525.55700000000002</v>
      </c>
      <c r="G19" s="2">
        <v>50.02</v>
      </c>
      <c r="H19" s="2">
        <v>69.540599999999998</v>
      </c>
      <c r="I19" s="2">
        <v>0.10358100000000001</v>
      </c>
      <c r="J19" s="6">
        <v>76.823899999999995</v>
      </c>
    </row>
    <row r="20" spans="1:10" x14ac:dyDescent="0.25">
      <c r="A20" s="2">
        <v>350.03100000000001</v>
      </c>
      <c r="B20" s="2">
        <v>848.23800000000006</v>
      </c>
      <c r="C20" s="2">
        <v>2.4233199999999999</v>
      </c>
      <c r="D20" s="6">
        <v>13.050800000000001</v>
      </c>
      <c r="E20" s="2">
        <v>22719.1</v>
      </c>
      <c r="F20" s="2">
        <v>543.77</v>
      </c>
      <c r="G20" s="2">
        <v>49.997999999999998</v>
      </c>
      <c r="H20" s="2">
        <v>68.770899999999997</v>
      </c>
      <c r="I20" s="2">
        <v>0.103755</v>
      </c>
      <c r="J20" s="6">
        <v>70.311499999999995</v>
      </c>
    </row>
    <row r="21" spans="1:10" x14ac:dyDescent="0.25">
      <c r="A21" s="2">
        <v>397.42500000000001</v>
      </c>
      <c r="B21" s="2">
        <v>916.30600000000004</v>
      </c>
      <c r="C21" s="2">
        <v>2.3056100000000002</v>
      </c>
      <c r="D21" s="6">
        <v>15.811400000000001</v>
      </c>
      <c r="E21" s="2">
        <v>24740.1</v>
      </c>
      <c r="F21" s="2">
        <v>562.82500000000005</v>
      </c>
      <c r="G21" s="2">
        <v>49.997</v>
      </c>
      <c r="H21" s="2">
        <v>68.16</v>
      </c>
      <c r="I21" s="2">
        <v>0.104155</v>
      </c>
      <c r="J21" s="6">
        <v>63.168399999999998</v>
      </c>
    </row>
    <row r="22" spans="1:10" x14ac:dyDescent="0.25">
      <c r="A22" s="2">
        <v>428.72399999999999</v>
      </c>
      <c r="B22" s="2">
        <v>945.88</v>
      </c>
      <c r="C22" s="2">
        <v>2.20627</v>
      </c>
      <c r="D22" s="6">
        <v>19.155999999999999</v>
      </c>
      <c r="E22" s="2">
        <v>25785.4</v>
      </c>
      <c r="F22" s="2">
        <v>581.54999999999995</v>
      </c>
      <c r="G22" s="2">
        <v>50.017000000000003</v>
      </c>
      <c r="H22" s="2">
        <v>67.887699999999995</v>
      </c>
      <c r="I22" s="2">
        <v>0.104962</v>
      </c>
      <c r="J22" s="6">
        <v>54.212899999999998</v>
      </c>
    </row>
    <row r="23" spans="1:10" x14ac:dyDescent="0.25">
      <c r="A23" s="2">
        <v>442.34899999999999</v>
      </c>
      <c r="B23" s="2">
        <v>923.82100000000003</v>
      </c>
      <c r="C23" s="2">
        <v>2.0884399999999999</v>
      </c>
      <c r="D23" s="6">
        <v>23.208100000000002</v>
      </c>
      <c r="E23" s="2">
        <v>24874.6</v>
      </c>
      <c r="F23" s="2">
        <v>600.35500000000002</v>
      </c>
      <c r="G23" s="2">
        <v>50.000999999999998</v>
      </c>
      <c r="H23" s="2">
        <v>67.798199999999994</v>
      </c>
      <c r="I23" s="2">
        <v>0.103607</v>
      </c>
      <c r="J23" s="6">
        <v>44.133899999999997</v>
      </c>
    </row>
    <row r="24" spans="1:10" x14ac:dyDescent="0.25">
      <c r="A24" s="2">
        <v>426.46899999999999</v>
      </c>
      <c r="B24" s="2">
        <v>865.72199999999998</v>
      </c>
      <c r="C24" s="2">
        <v>2.0299800000000001</v>
      </c>
      <c r="D24" s="6">
        <v>28.1173</v>
      </c>
      <c r="E24" s="2">
        <v>23976.400000000001</v>
      </c>
      <c r="F24" s="2">
        <v>624.93100000000004</v>
      </c>
      <c r="G24" s="2">
        <v>49.993000000000002</v>
      </c>
      <c r="H24" s="2">
        <v>69.107699999999994</v>
      </c>
      <c r="I24" s="2">
        <v>0.107533</v>
      </c>
      <c r="J24" s="6">
        <v>34.322800000000001</v>
      </c>
    </row>
    <row r="25" spans="1:10" x14ac:dyDescent="0.25">
      <c r="A25" s="2">
        <v>376.39</v>
      </c>
      <c r="B25" s="2">
        <v>749.49400000000003</v>
      </c>
      <c r="C25" s="2">
        <v>1.9912700000000001</v>
      </c>
      <c r="D25" s="6">
        <v>34.064799999999998</v>
      </c>
      <c r="E25" s="2">
        <v>20994.1</v>
      </c>
      <c r="F25" s="2">
        <v>649.755</v>
      </c>
      <c r="G25" s="2">
        <v>49.975999999999999</v>
      </c>
      <c r="H25" s="2">
        <v>72.570499999999996</v>
      </c>
      <c r="I25" s="2">
        <v>0.111065</v>
      </c>
      <c r="J25" s="6">
        <v>24.6206</v>
      </c>
    </row>
    <row r="26" spans="1:10" x14ac:dyDescent="0.25">
      <c r="A26" s="2">
        <v>330.04500000000002</v>
      </c>
      <c r="B26" s="2">
        <v>634.56600000000003</v>
      </c>
      <c r="C26" s="2">
        <v>1.9226700000000001</v>
      </c>
      <c r="D26" s="6">
        <v>41.269799999999996</v>
      </c>
      <c r="E26" s="2">
        <v>17067.8</v>
      </c>
      <c r="F26" s="2">
        <v>674.81700000000001</v>
      </c>
      <c r="G26" s="2">
        <v>50.003</v>
      </c>
      <c r="H26" s="2">
        <v>79.044600000000003</v>
      </c>
      <c r="I26" s="2">
        <v>0.10974</v>
      </c>
      <c r="J26" s="6">
        <v>17.331399999999999</v>
      </c>
    </row>
    <row r="27" spans="1:10" x14ac:dyDescent="0.25">
      <c r="A27" s="2">
        <v>266.608</v>
      </c>
      <c r="B27" s="2">
        <v>511.339</v>
      </c>
      <c r="C27" s="2">
        <v>1.91794</v>
      </c>
      <c r="D27" s="6">
        <v>49.999899999999997</v>
      </c>
      <c r="E27" s="2">
        <v>13759.4</v>
      </c>
      <c r="F27" s="2">
        <v>699.75599999999997</v>
      </c>
      <c r="G27" s="2">
        <v>50.01</v>
      </c>
      <c r="H27" s="2">
        <v>94.209100000000007</v>
      </c>
      <c r="I27" s="2">
        <v>0.111521</v>
      </c>
      <c r="J27" s="6">
        <v>11.5334</v>
      </c>
    </row>
    <row r="28" spans="1:10" x14ac:dyDescent="0.25">
      <c r="A28" s="2">
        <v>222.95099999999999</v>
      </c>
      <c r="B28" s="2">
        <v>412.38200000000001</v>
      </c>
      <c r="C28" s="2">
        <v>1.84965</v>
      </c>
      <c r="D28" s="6">
        <v>60.575899999999997</v>
      </c>
      <c r="E28" s="2">
        <v>12028</v>
      </c>
      <c r="F28" s="2">
        <v>724.54700000000003</v>
      </c>
      <c r="G28" s="2">
        <v>50.002000000000002</v>
      </c>
      <c r="H28" s="2">
        <v>118.474</v>
      </c>
      <c r="I28" s="2">
        <v>0.106543</v>
      </c>
      <c r="J28" s="6">
        <v>7.7389200000000002</v>
      </c>
    </row>
    <row r="29" spans="1:10" x14ac:dyDescent="0.25">
      <c r="A29" s="2">
        <v>225.005</v>
      </c>
      <c r="B29" s="2">
        <v>398.25799999999998</v>
      </c>
      <c r="C29" s="2">
        <v>1.77</v>
      </c>
      <c r="D29" s="6">
        <v>73.390100000000004</v>
      </c>
      <c r="E29" s="2">
        <v>14907.3</v>
      </c>
      <c r="F29" s="2">
        <v>743.88900000000001</v>
      </c>
      <c r="G29" s="2">
        <v>49.991</v>
      </c>
      <c r="H29" s="2">
        <v>137.233</v>
      </c>
      <c r="I29" s="2">
        <v>0.105619</v>
      </c>
      <c r="J29" s="6">
        <v>6.23278</v>
      </c>
    </row>
    <row r="30" spans="1:10" x14ac:dyDescent="0.25">
      <c r="A30" s="2">
        <v>218.27699999999999</v>
      </c>
      <c r="B30" s="2">
        <v>363.25400000000002</v>
      </c>
      <c r="C30" s="2">
        <v>1.6641900000000001</v>
      </c>
      <c r="D30" s="6">
        <v>88.914599999999993</v>
      </c>
      <c r="E30" s="2">
        <v>20658.599999999999</v>
      </c>
      <c r="F30" s="2">
        <v>762.39099999999996</v>
      </c>
      <c r="G30" s="2">
        <v>50.011000000000003</v>
      </c>
      <c r="H30" s="2">
        <v>153.977</v>
      </c>
      <c r="I30" s="2">
        <v>0.103685</v>
      </c>
      <c r="J30" s="6">
        <v>4.7662599999999999</v>
      </c>
    </row>
    <row r="31" spans="1:10" x14ac:dyDescent="0.25">
      <c r="A31" s="2">
        <v>258.23099999999999</v>
      </c>
      <c r="B31" s="2">
        <v>424.33800000000002</v>
      </c>
      <c r="C31" s="2">
        <v>1.6432500000000001</v>
      </c>
      <c r="D31" s="6">
        <v>107.72199999999999</v>
      </c>
      <c r="E31" s="2">
        <v>30882.9</v>
      </c>
      <c r="F31" s="2">
        <v>781.15099999999995</v>
      </c>
      <c r="G31" s="2">
        <v>50.006</v>
      </c>
      <c r="H31" s="2">
        <v>159.815</v>
      </c>
      <c r="I31" s="2">
        <v>0.10435800000000001</v>
      </c>
      <c r="J31" s="6">
        <v>4.6112599999999997</v>
      </c>
    </row>
    <row r="32" spans="1:10" x14ac:dyDescent="0.25">
      <c r="A32" s="2">
        <v>290.32499999999999</v>
      </c>
      <c r="B32" s="2">
        <v>430.49099999999999</v>
      </c>
      <c r="C32" s="2">
        <v>1.4827900000000001</v>
      </c>
      <c r="D32" s="6">
        <v>130.50700000000001</v>
      </c>
      <c r="E32" s="2">
        <v>46053.5</v>
      </c>
      <c r="F32" s="2">
        <v>800.39</v>
      </c>
      <c r="G32" s="2">
        <v>50.015999999999998</v>
      </c>
      <c r="H32" s="2">
        <v>166.42599999999999</v>
      </c>
      <c r="I32" s="2">
        <v>0.10434400000000001</v>
      </c>
      <c r="J32" s="6">
        <v>3.97865</v>
      </c>
    </row>
    <row r="33" spans="1:10" x14ac:dyDescent="0.25">
      <c r="A33" s="2">
        <v>312.82799999999997</v>
      </c>
      <c r="B33" s="2">
        <v>444.62299999999999</v>
      </c>
      <c r="C33" s="2">
        <v>1.4213</v>
      </c>
      <c r="D33" s="6">
        <v>158.11500000000001</v>
      </c>
      <c r="E33" s="2">
        <v>70208.100000000006</v>
      </c>
      <c r="F33" s="2">
        <v>825.32</v>
      </c>
      <c r="G33" s="2">
        <v>49.991999999999997</v>
      </c>
      <c r="H33" s="2">
        <v>170.751</v>
      </c>
      <c r="I33" s="2">
        <v>0.10546700000000001</v>
      </c>
      <c r="J33" s="6">
        <v>3.4382899999999998</v>
      </c>
    </row>
    <row r="34" spans="1:10" x14ac:dyDescent="0.25">
      <c r="A34" s="2">
        <v>242.989</v>
      </c>
      <c r="B34" s="2">
        <v>243.9</v>
      </c>
      <c r="C34" s="2">
        <v>1.0037499999999999</v>
      </c>
      <c r="D34" s="6">
        <v>191.559</v>
      </c>
      <c r="E34" s="2">
        <v>104948</v>
      </c>
      <c r="F34" s="2">
        <v>844.01</v>
      </c>
      <c r="G34" s="2">
        <v>49.991999999999997</v>
      </c>
      <c r="H34" s="2">
        <v>176.69499999999999</v>
      </c>
      <c r="I34" s="2">
        <v>0.10308199999999999</v>
      </c>
      <c r="J34" s="6">
        <v>1.7972699999999999</v>
      </c>
    </row>
    <row r="35" spans="1:10" x14ac:dyDescent="0.25">
      <c r="A35" s="2">
        <v>235.55199999999999</v>
      </c>
      <c r="B35" s="2">
        <v>141.827</v>
      </c>
      <c r="C35" s="2">
        <v>0.602105</v>
      </c>
      <c r="D35" s="6">
        <v>232.08199999999999</v>
      </c>
      <c r="E35" s="2">
        <v>149334</v>
      </c>
      <c r="F35" s="2">
        <v>856.91800000000001</v>
      </c>
      <c r="G35" s="2">
        <v>50.000999999999998</v>
      </c>
      <c r="H35" s="2">
        <v>178.715</v>
      </c>
      <c r="I35" s="2">
        <v>9.8152000000000003E-2</v>
      </c>
      <c r="J35" s="6">
        <v>1.1847300000000001</v>
      </c>
    </row>
    <row r="36" spans="1:10" x14ac:dyDescent="0.25">
      <c r="A36" s="2">
        <v>427.01</v>
      </c>
      <c r="B36" s="2">
        <v>300.375</v>
      </c>
      <c r="C36" s="2">
        <v>0.70343699999999998</v>
      </c>
      <c r="D36" s="6">
        <v>281.17099999999999</v>
      </c>
      <c r="E36" s="2">
        <v>149131</v>
      </c>
      <c r="F36" s="2">
        <v>863.69200000000001</v>
      </c>
      <c r="G36" s="2">
        <v>49.994999999999997</v>
      </c>
      <c r="H36" s="2">
        <v>178.12899999999999</v>
      </c>
      <c r="I36" s="2">
        <v>6.7351999999999995E-2</v>
      </c>
      <c r="J36" s="6">
        <v>1.8567899999999999</v>
      </c>
    </row>
    <row r="37" spans="1:10" x14ac:dyDescent="0.25">
      <c r="A37" s="2">
        <v>432.46800000000002</v>
      </c>
      <c r="B37" s="2">
        <v>255.773</v>
      </c>
      <c r="C37" s="2">
        <v>0.59142600000000001</v>
      </c>
      <c r="D37" s="6">
        <v>340.64499999999998</v>
      </c>
      <c r="E37" s="2">
        <v>148836</v>
      </c>
      <c r="F37" s="2">
        <v>870.28800000000001</v>
      </c>
      <c r="G37" s="2">
        <v>50.008000000000003</v>
      </c>
      <c r="H37" s="2">
        <v>178.93</v>
      </c>
      <c r="I37" s="2">
        <v>4.5162099999999997E-2</v>
      </c>
      <c r="J37" s="6">
        <v>1.4749699999999999</v>
      </c>
    </row>
    <row r="38" spans="1:10" x14ac:dyDescent="0.25">
      <c r="A38" s="2">
        <v>329.27100000000002</v>
      </c>
      <c r="B38" s="2">
        <v>508.46899999999999</v>
      </c>
      <c r="C38" s="2">
        <v>1.54423</v>
      </c>
      <c r="D38" s="6">
        <v>412.702</v>
      </c>
      <c r="E38" s="2">
        <v>148393</v>
      </c>
      <c r="F38" s="2">
        <v>876.87599999999998</v>
      </c>
      <c r="G38" s="2">
        <v>49.997</v>
      </c>
      <c r="H38" s="2">
        <v>178.57300000000001</v>
      </c>
      <c r="I38" s="2">
        <v>3.02136E-2</v>
      </c>
      <c r="J38" s="6">
        <v>1.4678199999999999</v>
      </c>
    </row>
    <row r="39" spans="1:10" x14ac:dyDescent="0.25">
      <c r="A39" s="2">
        <v>538.63499999999999</v>
      </c>
      <c r="B39" s="2">
        <v>2089.54</v>
      </c>
      <c r="C39" s="2">
        <v>3.8793299999999999</v>
      </c>
      <c r="D39" s="6">
        <v>499.995</v>
      </c>
      <c r="E39" s="2">
        <v>147707</v>
      </c>
      <c r="F39" s="2">
        <v>883.49699999999996</v>
      </c>
      <c r="G39" s="2">
        <v>50.005000000000003</v>
      </c>
      <c r="H39" s="2">
        <v>176.00200000000001</v>
      </c>
      <c r="I39" s="2">
        <v>2.0484499999999999E-2</v>
      </c>
      <c r="J39" s="6">
        <v>4.3157399999999999</v>
      </c>
    </row>
    <row r="40" spans="1:10" x14ac:dyDescent="0.25">
      <c r="A40" s="2">
        <v>3620.47</v>
      </c>
      <c r="B40" s="2">
        <v>1681.26</v>
      </c>
      <c r="C40" s="2">
        <v>0.46437499999999998</v>
      </c>
      <c r="D40" s="6">
        <v>605.75800000000004</v>
      </c>
      <c r="E40" s="2">
        <v>146615</v>
      </c>
      <c r="F40" s="2">
        <v>890.06</v>
      </c>
      <c r="G40" s="2">
        <v>49.997999999999998</v>
      </c>
      <c r="H40" s="2">
        <v>177.65899999999999</v>
      </c>
      <c r="I40" s="2">
        <v>1.48302E-2</v>
      </c>
      <c r="J40" s="6">
        <v>6.5897500000000004</v>
      </c>
    </row>
    <row r="41" spans="1:10" x14ac:dyDescent="0.25">
      <c r="A41" s="2">
        <v>4182.88</v>
      </c>
      <c r="B41" s="2">
        <v>2102.84</v>
      </c>
      <c r="C41" s="2">
        <v>0.50272499999999998</v>
      </c>
      <c r="D41" s="6">
        <v>627.99699999999996</v>
      </c>
      <c r="E41" s="2">
        <v>146344</v>
      </c>
      <c r="F41" s="2">
        <v>896.96600000000001</v>
      </c>
      <c r="G41" s="2">
        <v>49.993000000000002</v>
      </c>
      <c r="H41" s="2">
        <v>177.25800000000001</v>
      </c>
      <c r="I41" s="2">
        <v>1.38602E-2</v>
      </c>
      <c r="J41" s="6">
        <v>7.4550000000000001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134E30-863B-431C-9EA7-24C4AD9572CF}">
  <dimension ref="A1:M41"/>
  <sheetViews>
    <sheetView workbookViewId="0">
      <selection activeCell="C3" sqref="C3:C29"/>
    </sheetView>
  </sheetViews>
  <sheetFormatPr defaultRowHeight="15" x14ac:dyDescent="0.25"/>
  <cols>
    <col min="2" max="2" width="9.5703125" bestFit="1" customWidth="1"/>
    <col min="3" max="3" width="9.28515625" bestFit="1" customWidth="1"/>
    <col min="9" max="9" width="10.5703125" bestFit="1" customWidth="1"/>
    <col min="10" max="10" width="9.5703125" bestFit="1" customWidth="1"/>
  </cols>
  <sheetData>
    <row r="1" spans="1:13" ht="30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/>
      <c r="H1" s="1" t="s">
        <v>0</v>
      </c>
      <c r="I1" s="1" t="s">
        <v>1</v>
      </c>
      <c r="J1" s="1" t="s">
        <v>2</v>
      </c>
      <c r="K1" s="9" t="s">
        <v>3</v>
      </c>
      <c r="L1" s="9" t="s">
        <v>4</v>
      </c>
      <c r="M1" s="9" t="s">
        <v>5</v>
      </c>
    </row>
    <row r="2" spans="1:13" x14ac:dyDescent="0.25">
      <c r="A2" s="1" t="s">
        <v>6</v>
      </c>
      <c r="B2" s="1" t="s">
        <v>7</v>
      </c>
      <c r="C2" s="1" t="s">
        <v>8</v>
      </c>
      <c r="D2" s="1" t="s">
        <v>9</v>
      </c>
      <c r="E2" s="1" t="s">
        <v>10</v>
      </c>
      <c r="F2" s="1" t="s">
        <v>6</v>
      </c>
      <c r="G2" s="1"/>
      <c r="H2" s="1" t="s">
        <v>6</v>
      </c>
      <c r="I2" s="1" t="s">
        <v>7</v>
      </c>
      <c r="J2" s="1" t="s">
        <v>8</v>
      </c>
      <c r="K2" s="9" t="s">
        <v>9</v>
      </c>
      <c r="L2" s="9" t="s">
        <v>10</v>
      </c>
      <c r="M2" s="9" t="s">
        <v>6</v>
      </c>
    </row>
    <row r="3" spans="1:13" x14ac:dyDescent="0.25">
      <c r="A3" s="2">
        <v>4.5092399999999998E-2</v>
      </c>
      <c r="B3" s="5">
        <v>1.5842199999999999E-3</v>
      </c>
      <c r="C3" s="6">
        <v>28.4634</v>
      </c>
      <c r="D3" s="2">
        <v>175.101</v>
      </c>
      <c r="E3" s="2">
        <v>100.006</v>
      </c>
      <c r="F3" s="2">
        <v>-3.5714900000000001E-2</v>
      </c>
      <c r="G3" s="2"/>
      <c r="H3" s="2">
        <v>0.39304899999999998</v>
      </c>
      <c r="I3" s="6">
        <v>1.5837500000000001E-3</v>
      </c>
      <c r="J3" s="6">
        <v>248.17699999999999</v>
      </c>
      <c r="K3">
        <v>175.25</v>
      </c>
      <c r="L3">
        <v>100.003</v>
      </c>
      <c r="M3">
        <v>33.718299999999999</v>
      </c>
    </row>
    <row r="4" spans="1:13" x14ac:dyDescent="0.25">
      <c r="A4" s="2">
        <v>7.2698200000000004E-2</v>
      </c>
      <c r="B4" s="5">
        <v>2.5126300000000001E-3</v>
      </c>
      <c r="C4" s="6">
        <v>28.933199999999999</v>
      </c>
      <c r="D4" s="2">
        <v>200.161</v>
      </c>
      <c r="E4" s="2">
        <v>100.004</v>
      </c>
      <c r="F4" s="2">
        <v>-0.92559100000000005</v>
      </c>
      <c r="G4" s="2"/>
      <c r="H4" s="2">
        <v>0.636467</v>
      </c>
      <c r="I4" s="6">
        <v>2.5127399999999999E-3</v>
      </c>
      <c r="J4" s="6">
        <v>253.29599999999999</v>
      </c>
      <c r="K4">
        <v>200.38200000000001</v>
      </c>
      <c r="L4">
        <v>100.003</v>
      </c>
      <c r="M4">
        <v>32.606299999999997</v>
      </c>
    </row>
    <row r="5" spans="1:13" x14ac:dyDescent="0.25">
      <c r="A5" s="2">
        <v>0.114727</v>
      </c>
      <c r="B5" s="5">
        <v>3.97504E-3</v>
      </c>
      <c r="C5" s="6">
        <v>28.861899999999999</v>
      </c>
      <c r="D5" s="2">
        <v>225.14500000000001</v>
      </c>
      <c r="E5" s="2">
        <v>100.003</v>
      </c>
      <c r="F5" s="2">
        <v>-1.06454</v>
      </c>
      <c r="G5" s="2"/>
      <c r="H5" s="2">
        <v>0.99809800000000004</v>
      </c>
      <c r="I5" s="6">
        <v>3.9810599999999998E-3</v>
      </c>
      <c r="J5" s="6">
        <v>250.71199999999999</v>
      </c>
      <c r="K5">
        <v>225.404</v>
      </c>
      <c r="L5">
        <v>100</v>
      </c>
      <c r="M5">
        <v>32.511699999999998</v>
      </c>
    </row>
    <row r="6" spans="1:13" x14ac:dyDescent="0.25">
      <c r="A6" s="2">
        <v>0.18338499999999999</v>
      </c>
      <c r="B6" s="5">
        <v>6.3068999999999998E-3</v>
      </c>
      <c r="C6" s="6">
        <v>29.076799999999999</v>
      </c>
      <c r="D6" s="2">
        <v>250.21799999999999</v>
      </c>
      <c r="E6" s="2">
        <v>100.001</v>
      </c>
      <c r="F6" s="2">
        <v>-1.1160300000000001</v>
      </c>
      <c r="G6" s="2"/>
      <c r="H6" s="2">
        <v>1.58727</v>
      </c>
      <c r="I6" s="6">
        <v>6.3102599999999998E-3</v>
      </c>
      <c r="J6" s="6">
        <v>251.53700000000001</v>
      </c>
      <c r="K6">
        <v>250.47399999999999</v>
      </c>
      <c r="L6">
        <v>100.001</v>
      </c>
      <c r="M6">
        <v>27.377099999999999</v>
      </c>
    </row>
    <row r="7" spans="1:13" x14ac:dyDescent="0.25">
      <c r="A7" s="2">
        <v>0.29278700000000002</v>
      </c>
      <c r="B7" s="5">
        <v>9.9996300000000007E-3</v>
      </c>
      <c r="C7" s="6">
        <v>29.279800000000002</v>
      </c>
      <c r="D7" s="2">
        <v>275.30599999999998</v>
      </c>
      <c r="E7" s="2">
        <v>99.998000000000005</v>
      </c>
      <c r="F7" s="2">
        <v>-1.92083</v>
      </c>
      <c r="G7" s="2"/>
      <c r="H7" s="2">
        <v>2.5158700000000001</v>
      </c>
      <c r="I7" s="6">
        <v>9.9970600000000003E-3</v>
      </c>
      <c r="J7" s="6">
        <v>251.661</v>
      </c>
      <c r="K7">
        <v>275.57400000000001</v>
      </c>
      <c r="L7">
        <v>100.015</v>
      </c>
      <c r="M7">
        <v>25.6479</v>
      </c>
    </row>
    <row r="8" spans="1:13" x14ac:dyDescent="0.25">
      <c r="A8" s="2">
        <v>0.47416000000000003</v>
      </c>
      <c r="B8" s="6">
        <v>1.58529E-2</v>
      </c>
      <c r="C8" s="6">
        <v>29.91</v>
      </c>
      <c r="D8" s="2">
        <v>300.34100000000001</v>
      </c>
      <c r="E8" s="2">
        <v>100.005</v>
      </c>
      <c r="F8" s="2">
        <v>-2.7747700000000002</v>
      </c>
      <c r="G8" s="2"/>
      <c r="H8" s="2">
        <v>4.0052000000000003</v>
      </c>
      <c r="I8" s="6">
        <v>1.5846800000000001E-2</v>
      </c>
      <c r="J8" s="6">
        <v>252.745</v>
      </c>
      <c r="K8">
        <v>300.62799999999999</v>
      </c>
      <c r="L8">
        <v>100.003</v>
      </c>
      <c r="M8">
        <v>22.955100000000002</v>
      </c>
    </row>
    <row r="9" spans="1:13" x14ac:dyDescent="0.25">
      <c r="A9" s="2">
        <v>0.77315900000000004</v>
      </c>
      <c r="B9" s="6">
        <v>2.5123800000000002E-2</v>
      </c>
      <c r="C9" s="6">
        <v>30.774000000000001</v>
      </c>
      <c r="D9" s="2">
        <v>325.38600000000002</v>
      </c>
      <c r="E9" s="2">
        <v>100.001</v>
      </c>
      <c r="F9" s="2">
        <v>-2.8333599999999999</v>
      </c>
      <c r="G9" s="2"/>
      <c r="H9" s="2">
        <v>6.3721899999999998</v>
      </c>
      <c r="I9" s="6">
        <v>2.5127699999999999E-2</v>
      </c>
      <c r="J9" s="6">
        <v>253.59200000000001</v>
      </c>
      <c r="K9">
        <v>325.68099999999998</v>
      </c>
      <c r="L9">
        <v>100.001</v>
      </c>
      <c r="M9">
        <v>20.686399999999999</v>
      </c>
    </row>
    <row r="10" spans="1:13" x14ac:dyDescent="0.25">
      <c r="A10" s="2">
        <v>1.24637</v>
      </c>
      <c r="B10" s="6">
        <v>3.9807799999999997E-2</v>
      </c>
      <c r="C10" s="6">
        <v>31.3096</v>
      </c>
      <c r="D10" s="2">
        <v>350.476</v>
      </c>
      <c r="E10" s="2">
        <v>100.005</v>
      </c>
      <c r="F10" s="2">
        <v>-3.0880800000000002</v>
      </c>
      <c r="G10" s="2"/>
      <c r="H10" s="2">
        <v>10.0036</v>
      </c>
      <c r="I10" s="6">
        <v>3.98045E-2</v>
      </c>
      <c r="J10" s="6">
        <v>251.31800000000001</v>
      </c>
      <c r="K10">
        <v>350.76600000000002</v>
      </c>
      <c r="L10">
        <v>100.001</v>
      </c>
      <c r="M10">
        <v>22.7879</v>
      </c>
    </row>
    <row r="11" spans="1:13" x14ac:dyDescent="0.25">
      <c r="A11" s="2">
        <v>1.9127799999999999</v>
      </c>
      <c r="B11" s="6">
        <v>6.3105700000000001E-2</v>
      </c>
      <c r="C11" s="6">
        <v>30.310700000000001</v>
      </c>
      <c r="D11" s="2">
        <v>375.51499999999999</v>
      </c>
      <c r="E11" s="2">
        <v>100.012</v>
      </c>
      <c r="F11" s="2">
        <v>-3.3211900000000001</v>
      </c>
      <c r="G11" s="2"/>
      <c r="H11" s="2">
        <v>15.349399999999999</v>
      </c>
      <c r="I11" s="6">
        <v>6.3092999999999996E-2</v>
      </c>
      <c r="J11" s="6">
        <v>243.28200000000001</v>
      </c>
      <c r="K11">
        <v>375.80399999999997</v>
      </c>
      <c r="L11">
        <v>100</v>
      </c>
      <c r="M11">
        <v>23.757999999999999</v>
      </c>
    </row>
    <row r="12" spans="1:13" x14ac:dyDescent="0.25">
      <c r="A12" s="2">
        <v>2.8186</v>
      </c>
      <c r="B12" s="6">
        <v>0.100007</v>
      </c>
      <c r="C12" s="6">
        <v>28.184200000000001</v>
      </c>
      <c r="D12" s="2">
        <v>400.57799999999997</v>
      </c>
      <c r="E12" s="2">
        <v>99.997</v>
      </c>
      <c r="F12" s="2">
        <v>-4.0497500000000004</v>
      </c>
      <c r="G12" s="2"/>
      <c r="H12" s="2">
        <v>23.006599999999999</v>
      </c>
      <c r="I12" s="6">
        <v>0.10000299999999999</v>
      </c>
      <c r="J12" s="6">
        <v>230.05799999999999</v>
      </c>
      <c r="K12">
        <v>400.87299999999999</v>
      </c>
      <c r="L12">
        <v>99.998000000000005</v>
      </c>
      <c r="M12">
        <v>21.973800000000001</v>
      </c>
    </row>
    <row r="13" spans="1:13" x14ac:dyDescent="0.25">
      <c r="A13" s="2">
        <v>4.1577799999999998</v>
      </c>
      <c r="B13" s="6">
        <v>0.15848699999999999</v>
      </c>
      <c r="C13" s="6">
        <v>26.234300000000001</v>
      </c>
      <c r="D13" s="2">
        <v>425.61200000000002</v>
      </c>
      <c r="E13" s="2">
        <v>100.004</v>
      </c>
      <c r="F13" s="2">
        <v>-5.0240999999999998</v>
      </c>
      <c r="G13" s="2"/>
      <c r="H13" s="2">
        <v>34.163699999999999</v>
      </c>
      <c r="I13" s="6">
        <v>0.15848599999999999</v>
      </c>
      <c r="J13" s="6">
        <v>215.56200000000001</v>
      </c>
      <c r="K13">
        <v>425.911</v>
      </c>
      <c r="L13">
        <v>100.001</v>
      </c>
      <c r="M13">
        <v>23.897099999999998</v>
      </c>
    </row>
    <row r="14" spans="1:13" x14ac:dyDescent="0.25">
      <c r="A14" s="2">
        <v>6.2624300000000002</v>
      </c>
      <c r="B14" s="6">
        <v>0.25118499999999999</v>
      </c>
      <c r="C14" s="6">
        <v>24.9316</v>
      </c>
      <c r="D14" s="2">
        <v>450.67200000000003</v>
      </c>
      <c r="E14" s="2">
        <v>99.998999999999995</v>
      </c>
      <c r="F14" s="2">
        <v>-4.6728399999999999</v>
      </c>
      <c r="G14" s="2"/>
      <c r="H14" s="2">
        <v>51.1205</v>
      </c>
      <c r="I14" s="6">
        <v>0.251195</v>
      </c>
      <c r="J14" s="6">
        <v>203.50899999999999</v>
      </c>
      <c r="K14">
        <v>450.99599999999998</v>
      </c>
      <c r="L14">
        <v>100.001</v>
      </c>
      <c r="M14">
        <v>25.029399999999999</v>
      </c>
    </row>
    <row r="15" spans="1:13" x14ac:dyDescent="0.25">
      <c r="A15" s="2">
        <v>9.4295100000000005</v>
      </c>
      <c r="B15" s="6">
        <v>0.39810099999999998</v>
      </c>
      <c r="C15" s="6">
        <v>23.686199999999999</v>
      </c>
      <c r="D15" s="2">
        <v>475.72500000000002</v>
      </c>
      <c r="E15" s="2">
        <v>100.001</v>
      </c>
      <c r="F15" s="2">
        <v>-6.6813900000000004</v>
      </c>
      <c r="G15" s="2"/>
      <c r="H15" s="2">
        <v>75.456199999999995</v>
      </c>
      <c r="I15" s="6">
        <v>0.39810600000000002</v>
      </c>
      <c r="J15" s="6">
        <v>189.53800000000001</v>
      </c>
      <c r="K15">
        <v>476.03399999999999</v>
      </c>
      <c r="L15">
        <v>100.001</v>
      </c>
      <c r="M15">
        <v>31.669</v>
      </c>
    </row>
    <row r="16" spans="1:13" x14ac:dyDescent="0.25">
      <c r="A16" s="2">
        <v>14.200100000000001</v>
      </c>
      <c r="B16" s="6">
        <v>0.63096200000000002</v>
      </c>
      <c r="C16" s="6">
        <v>22.505500000000001</v>
      </c>
      <c r="D16" s="2">
        <v>500.77800000000002</v>
      </c>
      <c r="E16" s="2">
        <v>100</v>
      </c>
      <c r="F16" s="2">
        <v>-7.83324</v>
      </c>
      <c r="G16" s="2"/>
      <c r="H16" s="2">
        <v>109.541</v>
      </c>
      <c r="I16" s="6">
        <v>0.63096200000000002</v>
      </c>
      <c r="J16" s="6">
        <v>173.60900000000001</v>
      </c>
      <c r="K16">
        <v>501.08800000000002</v>
      </c>
      <c r="L16">
        <v>100.001</v>
      </c>
      <c r="M16">
        <v>33.1374</v>
      </c>
    </row>
    <row r="17" spans="1:13" x14ac:dyDescent="0.25">
      <c r="A17" s="2">
        <v>21.3492</v>
      </c>
      <c r="B17" s="6">
        <v>0.999996</v>
      </c>
      <c r="C17" s="6">
        <v>21.349299999999999</v>
      </c>
      <c r="D17" s="2">
        <v>525.83500000000004</v>
      </c>
      <c r="E17" s="2">
        <v>99.998999999999995</v>
      </c>
      <c r="F17" s="2">
        <v>-10.782500000000001</v>
      </c>
      <c r="G17" s="2"/>
      <c r="H17" s="2">
        <v>157.67699999999999</v>
      </c>
      <c r="I17" s="6">
        <v>1.0000100000000001</v>
      </c>
      <c r="J17" s="6">
        <v>157.67599999999999</v>
      </c>
      <c r="K17">
        <v>526.15700000000004</v>
      </c>
      <c r="L17">
        <v>99.998999999999995</v>
      </c>
      <c r="M17">
        <v>62.471499999999999</v>
      </c>
    </row>
    <row r="18" spans="1:13" x14ac:dyDescent="0.25">
      <c r="A18" s="2">
        <v>32.119399999999999</v>
      </c>
      <c r="B18" s="6">
        <v>1.5848899999999999</v>
      </c>
      <c r="C18" s="6">
        <v>20.265999999999998</v>
      </c>
      <c r="D18" s="2">
        <v>550.90200000000004</v>
      </c>
      <c r="E18" s="2">
        <v>99.998999999999995</v>
      </c>
      <c r="F18" s="2">
        <v>-11.573700000000001</v>
      </c>
      <c r="G18" s="2"/>
      <c r="H18" s="2">
        <v>230.46</v>
      </c>
      <c r="I18" s="6">
        <v>1.5848899999999999</v>
      </c>
      <c r="J18" s="6">
        <v>145.41</v>
      </c>
      <c r="K18">
        <v>551.21</v>
      </c>
      <c r="L18">
        <v>100.001</v>
      </c>
      <c r="M18">
        <v>114.627</v>
      </c>
    </row>
    <row r="19" spans="1:13" x14ac:dyDescent="0.25">
      <c r="A19" s="2">
        <v>49.076000000000001</v>
      </c>
      <c r="B19" s="6">
        <v>2.5118900000000002</v>
      </c>
      <c r="C19" s="6">
        <v>19.537500000000001</v>
      </c>
      <c r="D19" s="2">
        <v>575.96699999999998</v>
      </c>
      <c r="E19" s="2">
        <v>99.998999999999995</v>
      </c>
      <c r="F19" s="2">
        <v>-0.96085200000000004</v>
      </c>
      <c r="G19" s="2"/>
      <c r="H19" s="2">
        <v>337.334</v>
      </c>
      <c r="I19" s="6">
        <v>2.51187</v>
      </c>
      <c r="J19" s="6">
        <v>134.29599999999999</v>
      </c>
      <c r="K19">
        <v>576.21699999999998</v>
      </c>
      <c r="L19">
        <v>99.998999999999995</v>
      </c>
      <c r="M19">
        <v>244.547</v>
      </c>
    </row>
    <row r="20" spans="1:13" x14ac:dyDescent="0.25">
      <c r="A20" s="2">
        <v>74.374700000000004</v>
      </c>
      <c r="B20" s="6">
        <v>3.9811200000000002</v>
      </c>
      <c r="C20" s="6">
        <v>18.681799999999999</v>
      </c>
      <c r="D20" s="2">
        <v>601.02800000000002</v>
      </c>
      <c r="E20" s="2">
        <v>100.003</v>
      </c>
      <c r="F20" s="2">
        <v>7.2044699999999997</v>
      </c>
      <c r="G20" s="2"/>
      <c r="H20" s="2">
        <v>482.10599999999999</v>
      </c>
      <c r="I20" s="6">
        <v>3.9810699999999999</v>
      </c>
      <c r="J20" s="6">
        <v>121.1</v>
      </c>
      <c r="K20">
        <v>601.28599999999994</v>
      </c>
      <c r="L20">
        <v>100</v>
      </c>
      <c r="M20">
        <v>405.89299999999997</v>
      </c>
    </row>
    <row r="21" spans="1:13" x14ac:dyDescent="0.25">
      <c r="A21" s="2">
        <v>112.145</v>
      </c>
      <c r="B21" s="6">
        <v>6.30952</v>
      </c>
      <c r="C21" s="6">
        <v>17.774000000000001</v>
      </c>
      <c r="D21" s="2">
        <v>626.08799999999997</v>
      </c>
      <c r="E21" s="2">
        <v>100.002</v>
      </c>
      <c r="F21" s="2">
        <v>22.599299999999999</v>
      </c>
      <c r="G21" s="2"/>
      <c r="H21" s="2">
        <v>660.70399999999995</v>
      </c>
      <c r="I21" s="6">
        <v>6.3096100000000002</v>
      </c>
      <c r="J21" s="6">
        <v>104.714</v>
      </c>
      <c r="K21">
        <v>626.37099999999998</v>
      </c>
      <c r="L21">
        <v>99.998000000000005</v>
      </c>
      <c r="M21">
        <v>672.66499999999996</v>
      </c>
    </row>
    <row r="22" spans="1:13" x14ac:dyDescent="0.25">
      <c r="A22" s="2">
        <v>167.48500000000001</v>
      </c>
      <c r="B22" s="6">
        <v>10</v>
      </c>
      <c r="C22" s="6">
        <v>16.7484</v>
      </c>
      <c r="D22" s="2">
        <v>651.11500000000001</v>
      </c>
      <c r="E22" s="2">
        <v>99.998999999999995</v>
      </c>
      <c r="F22" s="2">
        <v>51.563000000000002</v>
      </c>
      <c r="G22" s="2"/>
      <c r="H22" s="2">
        <v>834.64400000000001</v>
      </c>
      <c r="I22" s="6">
        <v>10.0001</v>
      </c>
      <c r="J22" s="6">
        <v>83.463800000000006</v>
      </c>
      <c r="K22">
        <v>651.42499999999995</v>
      </c>
      <c r="L22">
        <v>99.998999999999995</v>
      </c>
      <c r="M22">
        <v>1059.8</v>
      </c>
    </row>
    <row r="23" spans="1:13" x14ac:dyDescent="0.25">
      <c r="A23" s="2">
        <v>246.01499999999999</v>
      </c>
      <c r="B23" s="6">
        <v>15.8489</v>
      </c>
      <c r="C23" s="6">
        <v>15.522500000000001</v>
      </c>
      <c r="D23" s="2">
        <v>676.16099999999994</v>
      </c>
      <c r="E23" s="2">
        <v>100.002</v>
      </c>
      <c r="F23" s="2">
        <v>102.459</v>
      </c>
      <c r="G23" s="2"/>
      <c r="H23" s="2">
        <v>920.91600000000005</v>
      </c>
      <c r="I23" s="6">
        <v>15.849299999999999</v>
      </c>
      <c r="J23" s="6">
        <v>58.104700000000001</v>
      </c>
      <c r="K23">
        <v>676.46299999999997</v>
      </c>
      <c r="L23">
        <v>100</v>
      </c>
      <c r="M23">
        <v>1490.65</v>
      </c>
    </row>
    <row r="24" spans="1:13" x14ac:dyDescent="0.25">
      <c r="A24" s="2">
        <v>352.54</v>
      </c>
      <c r="B24" s="6">
        <v>25.1189</v>
      </c>
      <c r="C24" s="6">
        <v>14.0349</v>
      </c>
      <c r="D24" s="2">
        <v>701.19</v>
      </c>
      <c r="E24" s="2">
        <v>100.001</v>
      </c>
      <c r="F24" s="2">
        <v>188.96199999999999</v>
      </c>
      <c r="G24" s="2"/>
      <c r="H24" s="2">
        <v>925.73900000000003</v>
      </c>
      <c r="I24" s="6">
        <v>25.119199999999999</v>
      </c>
      <c r="J24" s="6">
        <v>36.853900000000003</v>
      </c>
      <c r="K24">
        <v>701.53200000000004</v>
      </c>
      <c r="L24">
        <v>100</v>
      </c>
      <c r="M24">
        <v>1959.14</v>
      </c>
    </row>
    <row r="25" spans="1:13" x14ac:dyDescent="0.25">
      <c r="A25" s="2">
        <v>481.20800000000003</v>
      </c>
      <c r="B25" s="6">
        <v>39.8108</v>
      </c>
      <c r="C25" s="6">
        <v>12.087400000000001</v>
      </c>
      <c r="D25" s="2">
        <v>726.23699999999997</v>
      </c>
      <c r="E25" s="2">
        <v>100.003</v>
      </c>
      <c r="F25" s="2">
        <v>332.16300000000001</v>
      </c>
      <c r="G25" s="2"/>
      <c r="H25" s="2">
        <v>682.5</v>
      </c>
      <c r="I25" s="6">
        <v>39.811900000000001</v>
      </c>
      <c r="J25" s="6">
        <v>17.1431</v>
      </c>
      <c r="K25">
        <v>726.58600000000001</v>
      </c>
      <c r="L25">
        <v>100.001</v>
      </c>
      <c r="M25">
        <v>2016.79</v>
      </c>
    </row>
    <row r="26" spans="1:13" x14ac:dyDescent="0.25">
      <c r="A26" s="2">
        <v>629.47199999999998</v>
      </c>
      <c r="B26" s="6">
        <v>63.095500000000001</v>
      </c>
      <c r="C26" s="6">
        <v>9.9764900000000001</v>
      </c>
      <c r="D26" s="2">
        <v>751.29399999999998</v>
      </c>
      <c r="E26" s="2">
        <v>100</v>
      </c>
      <c r="F26" s="2">
        <v>563.053</v>
      </c>
      <c r="G26" s="2"/>
      <c r="H26" s="2">
        <v>580.56500000000005</v>
      </c>
      <c r="I26" s="6">
        <v>63.095599999999997</v>
      </c>
      <c r="J26" s="6">
        <v>9.2013599999999993</v>
      </c>
      <c r="K26">
        <v>751.59199999999998</v>
      </c>
      <c r="L26">
        <v>100.004</v>
      </c>
      <c r="M26">
        <v>2127.1799999999998</v>
      </c>
    </row>
    <row r="27" spans="1:13" x14ac:dyDescent="0.25">
      <c r="A27" s="2">
        <v>638.26300000000003</v>
      </c>
      <c r="B27" s="6">
        <v>100.001</v>
      </c>
      <c r="C27" s="6">
        <v>6.3825900000000004</v>
      </c>
      <c r="D27" s="2">
        <v>776.33900000000006</v>
      </c>
      <c r="E27" s="2">
        <v>100.001</v>
      </c>
      <c r="F27" s="2">
        <v>769.298</v>
      </c>
      <c r="G27" s="2"/>
      <c r="H27" s="2">
        <v>158.703</v>
      </c>
      <c r="I27" s="6">
        <v>100.003</v>
      </c>
      <c r="J27" s="6">
        <v>1.5869899999999999</v>
      </c>
      <c r="K27">
        <v>776.69299999999998</v>
      </c>
      <c r="L27">
        <v>100.004</v>
      </c>
      <c r="M27">
        <v>1154.3</v>
      </c>
    </row>
    <row r="28" spans="1:13" x14ac:dyDescent="0.25">
      <c r="A28" s="2">
        <v>545.096</v>
      </c>
      <c r="B28" s="6">
        <v>158.49</v>
      </c>
      <c r="C28" s="6">
        <v>3.4393199999999999</v>
      </c>
      <c r="D28" s="2">
        <v>801.399</v>
      </c>
      <c r="E28" s="2">
        <v>100</v>
      </c>
      <c r="F28" s="2">
        <v>909.20299999999997</v>
      </c>
      <c r="G28" s="2"/>
      <c r="H28" s="2">
        <v>33.963299999999997</v>
      </c>
      <c r="I28" s="6">
        <v>158.49</v>
      </c>
      <c r="J28" s="6">
        <v>0.21429400000000001</v>
      </c>
      <c r="K28">
        <v>801.74599999999998</v>
      </c>
      <c r="L28">
        <v>100.011</v>
      </c>
      <c r="M28">
        <v>501.68700000000001</v>
      </c>
    </row>
    <row r="29" spans="1:13" x14ac:dyDescent="0.25">
      <c r="A29" s="2">
        <v>360.50900000000001</v>
      </c>
      <c r="B29" s="6">
        <v>199.995</v>
      </c>
      <c r="C29" s="6">
        <v>1.8025899999999999</v>
      </c>
      <c r="D29" s="2">
        <v>826.43399999999997</v>
      </c>
      <c r="E29" s="2">
        <v>100</v>
      </c>
      <c r="F29" s="2">
        <v>794.11800000000005</v>
      </c>
      <c r="G29" s="2"/>
      <c r="H29" s="2">
        <v>9.1840399999999995</v>
      </c>
      <c r="I29" s="6">
        <v>200.001</v>
      </c>
      <c r="J29" s="6">
        <v>4.59199E-2</v>
      </c>
      <c r="K29">
        <v>826.78399999999999</v>
      </c>
      <c r="L29">
        <v>100.003</v>
      </c>
      <c r="M29">
        <v>237.691</v>
      </c>
    </row>
    <row r="30" spans="1:13" x14ac:dyDescent="0.25">
      <c r="A30" s="2"/>
      <c r="B30" s="2"/>
      <c r="C30" s="2"/>
      <c r="D30" s="2"/>
      <c r="E30" s="2"/>
      <c r="F30" s="2"/>
      <c r="G30" s="2"/>
      <c r="H30" s="2"/>
      <c r="I30" s="2"/>
      <c r="J30" s="2"/>
    </row>
    <row r="31" spans="1:13" x14ac:dyDescent="0.25">
      <c r="A31" s="2"/>
      <c r="B31" s="2"/>
      <c r="C31" s="2"/>
      <c r="D31" s="2"/>
      <c r="E31" s="2"/>
      <c r="F31" s="2"/>
      <c r="G31" s="2"/>
      <c r="H31" s="2"/>
      <c r="I31" s="2"/>
      <c r="J31" s="2"/>
    </row>
    <row r="32" spans="1:13" x14ac:dyDescent="0.25">
      <c r="A32" s="2"/>
      <c r="B32" s="2"/>
      <c r="C32" s="2"/>
      <c r="D32" s="2"/>
      <c r="E32" s="2"/>
      <c r="F32" s="2"/>
      <c r="G32" s="2"/>
      <c r="H32" s="2"/>
      <c r="I32" s="2"/>
      <c r="J32" s="2"/>
    </row>
    <row r="33" spans="1:10" x14ac:dyDescent="0.25">
      <c r="A33" s="2"/>
      <c r="B33" s="2"/>
      <c r="C33" s="2"/>
      <c r="D33" s="2"/>
      <c r="E33" s="2"/>
      <c r="F33" s="2"/>
      <c r="G33" s="2"/>
      <c r="H33" s="2"/>
      <c r="I33" s="2"/>
      <c r="J33" s="2"/>
    </row>
    <row r="34" spans="1:10" x14ac:dyDescent="0.25">
      <c r="A34" s="2"/>
      <c r="B34" s="2"/>
      <c r="C34" s="2"/>
      <c r="D34" s="2"/>
      <c r="E34" s="2"/>
      <c r="F34" s="2"/>
      <c r="G34" s="2"/>
      <c r="H34" s="2"/>
      <c r="I34" s="2"/>
      <c r="J34" s="2"/>
    </row>
    <row r="35" spans="1:10" x14ac:dyDescent="0.25">
      <c r="A35" s="2"/>
      <c r="B35" s="2"/>
      <c r="C35" s="2"/>
      <c r="D35" s="2"/>
      <c r="E35" s="2"/>
      <c r="F35" s="2"/>
      <c r="G35" s="2"/>
      <c r="H35" s="2"/>
      <c r="I35" s="2"/>
      <c r="J35" s="2"/>
    </row>
    <row r="36" spans="1:10" x14ac:dyDescent="0.25">
      <c r="A36" s="2"/>
      <c r="B36" s="2"/>
      <c r="C36" s="2"/>
      <c r="D36" s="2"/>
      <c r="E36" s="2"/>
      <c r="F36" s="2"/>
      <c r="G36" s="2"/>
      <c r="H36" s="2"/>
      <c r="I36" s="2"/>
      <c r="J36" s="2"/>
    </row>
    <row r="37" spans="1:10" x14ac:dyDescent="0.25">
      <c r="A37" s="2"/>
      <c r="B37" s="2"/>
      <c r="C37" s="2"/>
      <c r="D37" s="2"/>
      <c r="E37" s="2"/>
      <c r="F37" s="2"/>
      <c r="G37" s="2"/>
      <c r="H37" s="2"/>
      <c r="I37" s="2"/>
      <c r="J37" s="2"/>
    </row>
    <row r="38" spans="1:10" x14ac:dyDescent="0.25">
      <c r="A38" s="2"/>
      <c r="B38" s="2"/>
      <c r="C38" s="2"/>
      <c r="D38" s="2"/>
      <c r="E38" s="2"/>
      <c r="F38" s="2"/>
      <c r="G38" s="2"/>
      <c r="H38" s="2"/>
      <c r="I38" s="2"/>
      <c r="J38" s="2"/>
    </row>
    <row r="39" spans="1:10" x14ac:dyDescent="0.25">
      <c r="A39" s="2"/>
      <c r="B39" s="2"/>
      <c r="C39" s="2"/>
      <c r="D39" s="2"/>
      <c r="E39" s="2"/>
      <c r="F39" s="2"/>
      <c r="G39" s="2"/>
      <c r="H39" s="2"/>
      <c r="I39" s="2"/>
      <c r="J39" s="2"/>
    </row>
    <row r="40" spans="1:10" x14ac:dyDescent="0.25">
      <c r="A40" s="2"/>
      <c r="B40" s="2"/>
      <c r="C40" s="2"/>
      <c r="D40" s="2"/>
      <c r="E40" s="2"/>
      <c r="F40" s="2"/>
      <c r="G40" s="2"/>
      <c r="H40" s="2"/>
      <c r="I40" s="2"/>
      <c r="J40" s="2"/>
    </row>
    <row r="41" spans="1:10" x14ac:dyDescent="0.25">
      <c r="A41" s="2"/>
      <c r="B41" s="2"/>
      <c r="C41" s="2"/>
      <c r="D41" s="2"/>
      <c r="E41" s="2"/>
      <c r="F41" s="2"/>
      <c r="G41" s="2"/>
      <c r="H41" s="2"/>
      <c r="I41" s="2"/>
      <c r="J41" s="2"/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F7C436-D08F-4FED-9394-ADDC3FABEFC2}">
  <dimension ref="A1:U41"/>
  <sheetViews>
    <sheetView workbookViewId="0">
      <selection activeCell="J3" sqref="J3:J41"/>
    </sheetView>
  </sheetViews>
  <sheetFormatPr defaultRowHeight="15" x14ac:dyDescent="0.25"/>
  <cols>
    <col min="3" max="3" width="9.140625" customWidth="1"/>
    <col min="14" max="14" width="9.140625" customWidth="1"/>
  </cols>
  <sheetData>
    <row r="1" spans="1:21" ht="60" x14ac:dyDescent="0.25">
      <c r="A1" s="1" t="s">
        <v>11</v>
      </c>
      <c r="B1" s="1" t="s">
        <v>12</v>
      </c>
      <c r="C1" s="1" t="s">
        <v>13</v>
      </c>
      <c r="D1" s="1" t="s">
        <v>14</v>
      </c>
      <c r="E1" s="1" t="s">
        <v>15</v>
      </c>
      <c r="F1" s="1" t="s">
        <v>3</v>
      </c>
      <c r="G1" s="1" t="s">
        <v>4</v>
      </c>
      <c r="H1" s="1" t="s">
        <v>16</v>
      </c>
      <c r="I1" s="1" t="s">
        <v>17</v>
      </c>
      <c r="J1" s="1" t="s">
        <v>18</v>
      </c>
      <c r="L1" s="10" t="s">
        <v>11</v>
      </c>
      <c r="M1" s="10" t="s">
        <v>12</v>
      </c>
      <c r="N1" s="10" t="s">
        <v>13</v>
      </c>
      <c r="O1" s="10" t="s">
        <v>14</v>
      </c>
      <c r="P1" s="10" t="s">
        <v>15</v>
      </c>
      <c r="Q1" s="10" t="s">
        <v>3</v>
      </c>
      <c r="R1" s="10" t="s">
        <v>4</v>
      </c>
      <c r="S1" s="10" t="s">
        <v>16</v>
      </c>
      <c r="T1" s="10" t="s">
        <v>17</v>
      </c>
      <c r="U1" s="10" t="s">
        <v>18</v>
      </c>
    </row>
    <row r="2" spans="1:21" x14ac:dyDescent="0.25">
      <c r="A2" s="1" t="s">
        <v>6</v>
      </c>
      <c r="B2" s="1" t="s">
        <v>6</v>
      </c>
      <c r="C2" s="1"/>
      <c r="D2" s="1" t="s">
        <v>19</v>
      </c>
      <c r="E2" s="1" t="s">
        <v>20</v>
      </c>
      <c r="F2" s="1" t="s">
        <v>9</v>
      </c>
      <c r="G2" s="1" t="s">
        <v>10</v>
      </c>
      <c r="H2" s="1" t="s">
        <v>21</v>
      </c>
      <c r="I2" s="1" t="s">
        <v>22</v>
      </c>
      <c r="J2" s="1" t="s">
        <v>8</v>
      </c>
      <c r="L2" t="s">
        <v>6</v>
      </c>
      <c r="M2" t="s">
        <v>6</v>
      </c>
      <c r="O2" t="s">
        <v>19</v>
      </c>
      <c r="P2" t="s">
        <v>20</v>
      </c>
      <c r="Q2" t="s">
        <v>9</v>
      </c>
      <c r="R2" t="s">
        <v>10</v>
      </c>
      <c r="S2" t="s">
        <v>21</v>
      </c>
      <c r="T2" t="s">
        <v>22</v>
      </c>
      <c r="U2" t="s">
        <v>8</v>
      </c>
    </row>
    <row r="3" spans="1:21" x14ac:dyDescent="0.25">
      <c r="A3" s="2">
        <v>0.38472099999999998</v>
      </c>
      <c r="B3" s="2">
        <v>6.7756600000000002</v>
      </c>
      <c r="C3" s="2">
        <v>17.611899999999999</v>
      </c>
      <c r="D3" s="6">
        <v>0.49999900000000003</v>
      </c>
      <c r="E3" s="2">
        <v>171.352</v>
      </c>
      <c r="F3" s="2">
        <v>101.315</v>
      </c>
      <c r="G3" s="2">
        <v>100.021</v>
      </c>
      <c r="H3" s="2">
        <v>87.006699999999995</v>
      </c>
      <c r="I3" s="2">
        <v>0.104936</v>
      </c>
      <c r="J3" s="6">
        <v>13.5732</v>
      </c>
      <c r="L3">
        <v>13.146100000000001</v>
      </c>
      <c r="M3">
        <v>65.732100000000003</v>
      </c>
      <c r="N3">
        <v>5.0001199999999999</v>
      </c>
      <c r="O3" s="7">
        <v>0.49999900000000003</v>
      </c>
      <c r="P3">
        <v>16.901499999999999</v>
      </c>
      <c r="Q3">
        <v>50.7468</v>
      </c>
      <c r="R3">
        <v>100.01900000000001</v>
      </c>
      <c r="S3">
        <v>78.7149</v>
      </c>
      <c r="T3" s="11">
        <v>1.0477399999999999E-3</v>
      </c>
      <c r="U3" s="7">
        <v>134.06800000000001</v>
      </c>
    </row>
    <row r="4" spans="1:21" x14ac:dyDescent="0.25">
      <c r="A4" s="2">
        <v>0.48289100000000001</v>
      </c>
      <c r="B4" s="2">
        <v>8.0939099999999993</v>
      </c>
      <c r="C4" s="2">
        <v>16.761399999999998</v>
      </c>
      <c r="D4" s="6">
        <v>0.60576300000000005</v>
      </c>
      <c r="E4" s="2">
        <v>204.76900000000001</v>
      </c>
      <c r="F4" s="2">
        <v>143.70099999999999</v>
      </c>
      <c r="G4" s="2">
        <v>100.004</v>
      </c>
      <c r="H4" s="2">
        <v>86.900700000000001</v>
      </c>
      <c r="I4" s="2">
        <v>0.104967</v>
      </c>
      <c r="J4" s="6">
        <v>13.385300000000001</v>
      </c>
      <c r="L4">
        <v>16.423500000000001</v>
      </c>
      <c r="M4">
        <v>77.323700000000002</v>
      </c>
      <c r="N4">
        <v>4.7081200000000001</v>
      </c>
      <c r="O4" s="7">
        <v>0.60576300000000005</v>
      </c>
      <c r="P4">
        <v>19.880099999999999</v>
      </c>
      <c r="Q4">
        <v>93.241200000000006</v>
      </c>
      <c r="R4">
        <v>100.01300000000001</v>
      </c>
      <c r="S4">
        <v>78.039199999999994</v>
      </c>
      <c r="T4" s="11">
        <v>1.0451E-3</v>
      </c>
      <c r="U4" s="7">
        <v>130.494</v>
      </c>
    </row>
    <row r="5" spans="1:21" x14ac:dyDescent="0.25">
      <c r="A5" s="2">
        <v>0.60655999999999999</v>
      </c>
      <c r="B5" s="2">
        <v>9.6806400000000004</v>
      </c>
      <c r="C5" s="2">
        <v>15.959899999999999</v>
      </c>
      <c r="D5" s="6">
        <v>0.73390100000000003</v>
      </c>
      <c r="E5" s="2">
        <v>244.83699999999999</v>
      </c>
      <c r="F5" s="2">
        <v>178.67699999999999</v>
      </c>
      <c r="G5" s="2">
        <v>99.974000000000004</v>
      </c>
      <c r="H5" s="2">
        <v>86.801199999999994</v>
      </c>
      <c r="I5" s="2">
        <v>0.104924</v>
      </c>
      <c r="J5" s="6">
        <v>13.2165</v>
      </c>
      <c r="L5">
        <v>20.508199999999999</v>
      </c>
      <c r="M5">
        <v>90.677499999999995</v>
      </c>
      <c r="N5">
        <v>4.4215200000000001</v>
      </c>
      <c r="O5" s="7">
        <v>0.73390100000000003</v>
      </c>
      <c r="P5">
        <v>23.410299999999999</v>
      </c>
      <c r="Q5">
        <v>128.185</v>
      </c>
      <c r="R5">
        <v>99.984999999999999</v>
      </c>
      <c r="S5">
        <v>77.2941</v>
      </c>
      <c r="T5" s="11">
        <v>1.0464700000000001E-3</v>
      </c>
      <c r="U5" s="7">
        <v>126.676</v>
      </c>
    </row>
    <row r="6" spans="1:21" x14ac:dyDescent="0.25">
      <c r="A6" s="2">
        <v>0.76286900000000002</v>
      </c>
      <c r="B6" s="2">
        <v>11.577299999999999</v>
      </c>
      <c r="C6" s="2">
        <v>15.176</v>
      </c>
      <c r="D6" s="6">
        <v>0.88914599999999999</v>
      </c>
      <c r="E6" s="2">
        <v>292.76100000000002</v>
      </c>
      <c r="F6" s="2">
        <v>207.65199999999999</v>
      </c>
      <c r="G6" s="2">
        <v>100.003</v>
      </c>
      <c r="H6" s="2">
        <v>86.704300000000003</v>
      </c>
      <c r="I6" s="2">
        <v>0.10489800000000001</v>
      </c>
      <c r="J6" s="6">
        <v>13.0489</v>
      </c>
      <c r="L6">
        <v>25.679300000000001</v>
      </c>
      <c r="M6">
        <v>106.59399999999999</v>
      </c>
      <c r="N6">
        <v>4.1509400000000003</v>
      </c>
      <c r="O6" s="7">
        <v>0.88914599999999999</v>
      </c>
      <c r="P6">
        <v>27.545200000000001</v>
      </c>
      <c r="Q6">
        <v>156.983</v>
      </c>
      <c r="R6">
        <v>99.994</v>
      </c>
      <c r="S6">
        <v>76.502399999999994</v>
      </c>
      <c r="T6" s="11">
        <v>1.0440899999999999E-3</v>
      </c>
      <c r="U6" s="7">
        <v>123.313</v>
      </c>
    </row>
    <row r="7" spans="1:21" x14ac:dyDescent="0.25">
      <c r="A7" s="2">
        <v>0.96311000000000002</v>
      </c>
      <c r="B7" s="2">
        <v>13.845000000000001</v>
      </c>
      <c r="C7" s="2">
        <v>14.375299999999999</v>
      </c>
      <c r="D7" s="6">
        <v>1.0772200000000001</v>
      </c>
      <c r="E7" s="2">
        <v>350.23899999999998</v>
      </c>
      <c r="F7" s="2">
        <v>231.86</v>
      </c>
      <c r="G7" s="2">
        <v>99.992999999999995</v>
      </c>
      <c r="H7" s="2">
        <v>86.602599999999995</v>
      </c>
      <c r="I7" s="2">
        <v>0.10492700000000001</v>
      </c>
      <c r="J7" s="6">
        <v>12.883599999999999</v>
      </c>
      <c r="L7">
        <v>32.232999999999997</v>
      </c>
      <c r="M7">
        <v>124.99</v>
      </c>
      <c r="N7">
        <v>3.87771</v>
      </c>
      <c r="O7" s="7">
        <v>1.0772200000000001</v>
      </c>
      <c r="P7">
        <v>32.452800000000003</v>
      </c>
      <c r="Q7">
        <v>181.16300000000001</v>
      </c>
      <c r="R7">
        <v>100.01</v>
      </c>
      <c r="S7">
        <v>75.598299999999995</v>
      </c>
      <c r="T7" s="11">
        <v>1.0449599999999999E-3</v>
      </c>
      <c r="U7" s="7">
        <v>119.82599999999999</v>
      </c>
    </row>
    <row r="8" spans="1:21" x14ac:dyDescent="0.25">
      <c r="A8" s="2">
        <v>1.21984</v>
      </c>
      <c r="B8" s="2">
        <v>16.550899999999999</v>
      </c>
      <c r="C8" s="2">
        <v>13.568099999999999</v>
      </c>
      <c r="D8" s="6">
        <v>1.30508</v>
      </c>
      <c r="E8" s="2">
        <v>418.78300000000002</v>
      </c>
      <c r="F8" s="2">
        <v>252.08</v>
      </c>
      <c r="G8" s="2">
        <v>100.002</v>
      </c>
      <c r="H8" s="2">
        <v>86.498900000000006</v>
      </c>
      <c r="I8" s="2">
        <v>0.104939</v>
      </c>
      <c r="J8" s="6">
        <v>12.7163</v>
      </c>
      <c r="L8">
        <v>40.331099999999999</v>
      </c>
      <c r="M8">
        <v>146.37799999999999</v>
      </c>
      <c r="N8">
        <v>3.6294200000000001</v>
      </c>
      <c r="O8" s="7">
        <v>1.30508</v>
      </c>
      <c r="P8">
        <v>38.078600000000002</v>
      </c>
      <c r="Q8">
        <v>201.30199999999999</v>
      </c>
      <c r="R8">
        <v>100.01600000000001</v>
      </c>
      <c r="S8">
        <v>74.6691</v>
      </c>
      <c r="T8" s="11">
        <v>1.04246E-3</v>
      </c>
      <c r="U8" s="7">
        <v>116.34</v>
      </c>
    </row>
    <row r="9" spans="1:21" x14ac:dyDescent="0.25">
      <c r="A9" s="2">
        <v>1.5501799999999999</v>
      </c>
      <c r="B9" s="2">
        <v>19.773499999999999</v>
      </c>
      <c r="C9" s="2">
        <v>12.755599999999999</v>
      </c>
      <c r="D9" s="6">
        <v>1.58114</v>
      </c>
      <c r="E9" s="2">
        <v>500.51299999999998</v>
      </c>
      <c r="F9" s="2">
        <v>268.66199999999998</v>
      </c>
      <c r="G9" s="2">
        <v>100.006</v>
      </c>
      <c r="H9" s="2">
        <v>86.394400000000005</v>
      </c>
      <c r="I9" s="2">
        <v>0.104967</v>
      </c>
      <c r="J9" s="6">
        <v>12.5442</v>
      </c>
      <c r="L9">
        <v>50.310200000000002</v>
      </c>
      <c r="M9">
        <v>170.96799999999999</v>
      </c>
      <c r="N9">
        <v>3.3982800000000002</v>
      </c>
      <c r="O9" s="7">
        <v>1.58114</v>
      </c>
      <c r="P9">
        <v>44.725200000000001</v>
      </c>
      <c r="Q9">
        <v>217.96299999999999</v>
      </c>
      <c r="R9">
        <v>100.015</v>
      </c>
      <c r="S9">
        <v>73.694100000000006</v>
      </c>
      <c r="T9" s="11">
        <v>1.04327E-3</v>
      </c>
      <c r="U9" s="7">
        <v>112.714</v>
      </c>
    </row>
    <row r="10" spans="1:21" x14ac:dyDescent="0.25">
      <c r="A10" s="2">
        <v>1.9745999999999999</v>
      </c>
      <c r="B10" s="2">
        <v>23.604099999999999</v>
      </c>
      <c r="C10" s="2">
        <v>11.953900000000001</v>
      </c>
      <c r="D10" s="6">
        <v>1.9156</v>
      </c>
      <c r="E10" s="2">
        <v>597.80499999999995</v>
      </c>
      <c r="F10" s="2">
        <v>282.41899999999998</v>
      </c>
      <c r="G10" s="2">
        <v>100.012</v>
      </c>
      <c r="H10" s="2">
        <v>86.295900000000003</v>
      </c>
      <c r="I10" s="2">
        <v>0.105013</v>
      </c>
      <c r="J10" s="6">
        <v>12.3651</v>
      </c>
      <c r="L10">
        <v>62.523200000000003</v>
      </c>
      <c r="M10">
        <v>199.07599999999999</v>
      </c>
      <c r="N10">
        <v>3.1840299999999999</v>
      </c>
      <c r="O10" s="7">
        <v>1.9156</v>
      </c>
      <c r="P10">
        <v>52.401899999999998</v>
      </c>
      <c r="Q10">
        <v>231.941</v>
      </c>
      <c r="R10">
        <v>99.997</v>
      </c>
      <c r="S10">
        <v>72.678399999999996</v>
      </c>
      <c r="T10" s="11">
        <v>1.0441599999999999E-3</v>
      </c>
      <c r="U10" s="7">
        <v>108.928</v>
      </c>
    </row>
    <row r="11" spans="1:21" x14ac:dyDescent="0.25">
      <c r="A11" s="2">
        <v>2.5206400000000002</v>
      </c>
      <c r="B11" s="2">
        <v>28.145299999999999</v>
      </c>
      <c r="C11" s="2">
        <v>11.166</v>
      </c>
      <c r="D11" s="6">
        <v>2.3208099999999998</v>
      </c>
      <c r="E11" s="2">
        <v>713.40800000000002</v>
      </c>
      <c r="F11" s="2">
        <v>294.053</v>
      </c>
      <c r="G11" s="2">
        <v>100.002</v>
      </c>
      <c r="H11" s="2">
        <v>86.208399999999997</v>
      </c>
      <c r="I11" s="2">
        <v>0.10509</v>
      </c>
      <c r="J11" s="6">
        <v>12.1759</v>
      </c>
      <c r="L11">
        <v>77.498599999999996</v>
      </c>
      <c r="M11">
        <v>231.339</v>
      </c>
      <c r="N11">
        <v>2.9850699999999999</v>
      </c>
      <c r="O11" s="7">
        <v>2.3208099999999998</v>
      </c>
      <c r="P11">
        <v>61.165900000000001</v>
      </c>
      <c r="Q11">
        <v>243.59399999999999</v>
      </c>
      <c r="R11">
        <v>100.00700000000001</v>
      </c>
      <c r="S11">
        <v>71.621899999999997</v>
      </c>
      <c r="T11" s="11">
        <v>1.04261E-3</v>
      </c>
      <c r="U11" s="7">
        <v>105.125</v>
      </c>
    </row>
    <row r="12" spans="1:21" x14ac:dyDescent="0.25">
      <c r="A12" s="2">
        <v>3.22438</v>
      </c>
      <c r="B12" s="2">
        <v>33.528700000000001</v>
      </c>
      <c r="C12" s="2">
        <v>10.3985</v>
      </c>
      <c r="D12" s="6">
        <v>2.8117399999999999</v>
      </c>
      <c r="E12" s="2">
        <v>850.14400000000001</v>
      </c>
      <c r="F12" s="2">
        <v>303.86900000000003</v>
      </c>
      <c r="G12" s="2">
        <v>100.001</v>
      </c>
      <c r="H12" s="2">
        <v>86.139700000000005</v>
      </c>
      <c r="I12" s="2">
        <v>0.105116</v>
      </c>
      <c r="J12" s="6">
        <v>11.9795</v>
      </c>
      <c r="L12">
        <v>95.583100000000002</v>
      </c>
      <c r="M12">
        <v>267.916</v>
      </c>
      <c r="N12">
        <v>2.8029700000000002</v>
      </c>
      <c r="O12" s="7">
        <v>2.8117399999999999</v>
      </c>
      <c r="P12">
        <v>71.351100000000002</v>
      </c>
      <c r="Q12">
        <v>253.36</v>
      </c>
      <c r="R12">
        <v>100.002</v>
      </c>
      <c r="S12">
        <v>70.544300000000007</v>
      </c>
      <c r="T12" s="11">
        <v>1.0434400000000001E-3</v>
      </c>
      <c r="U12" s="7">
        <v>101.167</v>
      </c>
    </row>
    <row r="13" spans="1:21" x14ac:dyDescent="0.25">
      <c r="A13" s="2">
        <v>4.1173599999999997</v>
      </c>
      <c r="B13" s="2">
        <v>39.854900000000001</v>
      </c>
      <c r="C13" s="2">
        <v>9.6797199999999997</v>
      </c>
      <c r="D13" s="6">
        <v>3.4064800000000002</v>
      </c>
      <c r="E13" s="2">
        <v>1012.06</v>
      </c>
      <c r="F13" s="2">
        <v>315.822</v>
      </c>
      <c r="G13" s="2">
        <v>100.008</v>
      </c>
      <c r="H13" s="2">
        <v>86.116699999999994</v>
      </c>
      <c r="I13" s="2">
        <v>0.105271</v>
      </c>
      <c r="J13" s="6">
        <v>11.762</v>
      </c>
      <c r="L13">
        <v>117.01900000000001</v>
      </c>
      <c r="M13">
        <v>308.89</v>
      </c>
      <c r="N13">
        <v>2.6396600000000001</v>
      </c>
      <c r="O13" s="7">
        <v>3.4064800000000002</v>
      </c>
      <c r="P13">
        <v>82.907700000000006</v>
      </c>
      <c r="Q13">
        <v>265.07499999999999</v>
      </c>
      <c r="R13">
        <v>100.008</v>
      </c>
      <c r="S13">
        <v>69.476500000000001</v>
      </c>
      <c r="T13" s="11">
        <v>1.04452E-3</v>
      </c>
      <c r="U13" s="7">
        <v>96.965900000000005</v>
      </c>
    </row>
    <row r="14" spans="1:21" x14ac:dyDescent="0.25">
      <c r="A14" s="2">
        <v>5.2669199999999998</v>
      </c>
      <c r="B14" s="2">
        <v>47.325299999999999</v>
      </c>
      <c r="C14" s="2">
        <v>8.9853699999999996</v>
      </c>
      <c r="D14" s="6">
        <v>4.1269799999999996</v>
      </c>
      <c r="E14" s="2">
        <v>1201.96</v>
      </c>
      <c r="F14" s="2">
        <v>325.625</v>
      </c>
      <c r="G14" s="2">
        <v>100</v>
      </c>
      <c r="H14" s="2">
        <v>86.138400000000004</v>
      </c>
      <c r="I14" s="2">
        <v>0.105291</v>
      </c>
      <c r="J14" s="6">
        <v>11.5381</v>
      </c>
      <c r="L14">
        <v>143.23099999999999</v>
      </c>
      <c r="M14">
        <v>355.51100000000002</v>
      </c>
      <c r="N14">
        <v>2.4820899999999999</v>
      </c>
      <c r="O14" s="7">
        <v>4.1269799999999996</v>
      </c>
      <c r="P14">
        <v>96.071700000000007</v>
      </c>
      <c r="Q14">
        <v>274.99700000000001</v>
      </c>
      <c r="R14">
        <v>100.018</v>
      </c>
      <c r="S14">
        <v>68.339100000000002</v>
      </c>
      <c r="T14" s="11">
        <v>1.04364E-3</v>
      </c>
      <c r="U14" s="7">
        <v>92.871600000000001</v>
      </c>
    </row>
    <row r="15" spans="1:21" x14ac:dyDescent="0.25">
      <c r="A15" s="2">
        <v>6.7166199999999998</v>
      </c>
      <c r="B15" s="2">
        <v>56.064999999999998</v>
      </c>
      <c r="C15" s="2">
        <v>8.3472100000000005</v>
      </c>
      <c r="D15" s="6">
        <v>4.9999900000000004</v>
      </c>
      <c r="E15" s="2">
        <v>1425.43</v>
      </c>
      <c r="F15" s="2">
        <v>336.64100000000002</v>
      </c>
      <c r="G15" s="2">
        <v>100.014</v>
      </c>
      <c r="H15" s="2">
        <v>86.250100000000003</v>
      </c>
      <c r="I15" s="2">
        <v>0.105416</v>
      </c>
      <c r="J15" s="6">
        <v>11.293200000000001</v>
      </c>
      <c r="L15">
        <v>173.899</v>
      </c>
      <c r="M15">
        <v>407.37200000000001</v>
      </c>
      <c r="N15">
        <v>2.3425799999999999</v>
      </c>
      <c r="O15" s="7">
        <v>4.9999900000000004</v>
      </c>
      <c r="P15">
        <v>111.06</v>
      </c>
      <c r="Q15">
        <v>283.43599999999998</v>
      </c>
      <c r="R15">
        <v>99.986000000000004</v>
      </c>
      <c r="S15">
        <v>67.240399999999994</v>
      </c>
      <c r="T15" s="11">
        <v>1.0446699999999999E-3</v>
      </c>
      <c r="U15" s="7">
        <v>88.587500000000006</v>
      </c>
    </row>
    <row r="16" spans="1:21" x14ac:dyDescent="0.25">
      <c r="A16" s="2">
        <v>8.5732900000000001</v>
      </c>
      <c r="B16" s="2">
        <v>66.283299999999997</v>
      </c>
      <c r="C16" s="2">
        <v>7.7313799999999997</v>
      </c>
      <c r="D16" s="6">
        <v>6.0576800000000004</v>
      </c>
      <c r="E16" s="2">
        <v>1669.81</v>
      </c>
      <c r="F16" s="2">
        <v>353.4</v>
      </c>
      <c r="G16" s="2">
        <v>99.995999999999995</v>
      </c>
      <c r="H16" s="2">
        <v>86.453500000000005</v>
      </c>
      <c r="I16" s="2">
        <v>0.104475</v>
      </c>
      <c r="J16" s="6">
        <v>11.033200000000001</v>
      </c>
      <c r="L16">
        <v>211.00899999999999</v>
      </c>
      <c r="M16">
        <v>465.81700000000001</v>
      </c>
      <c r="N16">
        <v>2.20757</v>
      </c>
      <c r="O16" s="7">
        <v>6.0576800000000004</v>
      </c>
      <c r="P16">
        <v>127.953</v>
      </c>
      <c r="Q16">
        <v>292.48399999999998</v>
      </c>
      <c r="R16">
        <v>100.003</v>
      </c>
      <c r="S16">
        <v>66.080799999999996</v>
      </c>
      <c r="T16" s="11">
        <v>1.0434299999999999E-3</v>
      </c>
      <c r="U16" s="7">
        <v>84.418700000000001</v>
      </c>
    </row>
    <row r="17" spans="1:21" x14ac:dyDescent="0.25">
      <c r="A17" s="2">
        <v>10.905900000000001</v>
      </c>
      <c r="B17" s="2">
        <v>78.174499999999995</v>
      </c>
      <c r="C17" s="2">
        <v>7.1680799999999998</v>
      </c>
      <c r="D17" s="6">
        <v>7.3389499999999996</v>
      </c>
      <c r="E17" s="2">
        <v>1967.99</v>
      </c>
      <c r="F17" s="2">
        <v>372.62599999999998</v>
      </c>
      <c r="G17" s="2">
        <v>99.997</v>
      </c>
      <c r="H17" s="2">
        <v>86.813699999999997</v>
      </c>
      <c r="I17" s="2">
        <v>0.10444000000000001</v>
      </c>
      <c r="J17" s="6">
        <v>10.7552</v>
      </c>
      <c r="L17">
        <v>254.28899999999999</v>
      </c>
      <c r="M17">
        <v>530.29999999999995</v>
      </c>
      <c r="N17">
        <v>2.0854200000000001</v>
      </c>
      <c r="O17" s="7">
        <v>7.3389499999999996</v>
      </c>
      <c r="P17">
        <v>147.04</v>
      </c>
      <c r="Q17">
        <v>303.60700000000003</v>
      </c>
      <c r="R17">
        <v>99.995000000000005</v>
      </c>
      <c r="S17">
        <v>64.952399999999997</v>
      </c>
      <c r="T17" s="11">
        <v>1.04389E-3</v>
      </c>
      <c r="U17" s="7">
        <v>80.136300000000006</v>
      </c>
    </row>
    <row r="18" spans="1:21" x14ac:dyDescent="0.25">
      <c r="A18" s="2">
        <v>13.8474</v>
      </c>
      <c r="B18" s="2">
        <v>92.043199999999999</v>
      </c>
      <c r="C18" s="2">
        <v>6.6469699999999996</v>
      </c>
      <c r="D18" s="6">
        <v>8.8914600000000004</v>
      </c>
      <c r="E18" s="2">
        <v>2315.9</v>
      </c>
      <c r="F18" s="2">
        <v>390.78800000000001</v>
      </c>
      <c r="G18" s="2">
        <v>99.99</v>
      </c>
      <c r="H18" s="2">
        <v>87.370599999999996</v>
      </c>
      <c r="I18" s="2">
        <v>0.104437</v>
      </c>
      <c r="J18" s="6">
        <v>10.468400000000001</v>
      </c>
      <c r="L18">
        <v>305.70800000000003</v>
      </c>
      <c r="M18">
        <v>602.50400000000002</v>
      </c>
      <c r="N18">
        <v>1.97085</v>
      </c>
      <c r="O18" s="7">
        <v>8.8914600000000004</v>
      </c>
      <c r="P18">
        <v>168.71199999999999</v>
      </c>
      <c r="Q18">
        <v>312.733</v>
      </c>
      <c r="R18">
        <v>100.014</v>
      </c>
      <c r="S18">
        <v>63.820599999999999</v>
      </c>
      <c r="T18" s="11">
        <v>1.0443E-3</v>
      </c>
      <c r="U18" s="7">
        <v>75.985799999999998</v>
      </c>
    </row>
    <row r="19" spans="1:21" x14ac:dyDescent="0.25">
      <c r="A19" s="2">
        <v>17.546099999999999</v>
      </c>
      <c r="B19" s="2">
        <v>108.167</v>
      </c>
      <c r="C19" s="2">
        <v>6.1647499999999997</v>
      </c>
      <c r="D19" s="6">
        <v>10.7721</v>
      </c>
      <c r="E19" s="2">
        <v>2719.65</v>
      </c>
      <c r="F19" s="2">
        <v>409.48899999999998</v>
      </c>
      <c r="G19" s="2">
        <v>100.006</v>
      </c>
      <c r="H19" s="2">
        <v>88.186099999999996</v>
      </c>
      <c r="I19" s="2">
        <v>0.10442</v>
      </c>
      <c r="J19" s="6">
        <v>10.172700000000001</v>
      </c>
      <c r="L19">
        <v>365.53100000000001</v>
      </c>
      <c r="M19">
        <v>681.80600000000004</v>
      </c>
      <c r="N19">
        <v>1.8652500000000001</v>
      </c>
      <c r="O19" s="7">
        <v>10.7721</v>
      </c>
      <c r="P19">
        <v>192.48599999999999</v>
      </c>
      <c r="Q19">
        <v>322.858</v>
      </c>
      <c r="R19">
        <v>100.004</v>
      </c>
      <c r="S19">
        <v>62.723300000000002</v>
      </c>
      <c r="T19" s="11">
        <v>1.0428099999999999E-3</v>
      </c>
      <c r="U19" s="7">
        <v>71.816199999999995</v>
      </c>
    </row>
    <row r="20" spans="1:21" x14ac:dyDescent="0.25">
      <c r="A20" s="2">
        <v>22.1541</v>
      </c>
      <c r="B20" s="2">
        <v>126.77500000000001</v>
      </c>
      <c r="C20" s="2">
        <v>5.7224300000000001</v>
      </c>
      <c r="D20" s="6">
        <v>13.050800000000001</v>
      </c>
      <c r="E20" s="2">
        <v>3184.63</v>
      </c>
      <c r="F20" s="2">
        <v>427.66199999999998</v>
      </c>
      <c r="G20" s="2">
        <v>99.995000000000005</v>
      </c>
      <c r="H20" s="2">
        <v>89.355000000000004</v>
      </c>
      <c r="I20" s="2">
        <v>0.10437200000000001</v>
      </c>
      <c r="J20" s="6">
        <v>9.8611900000000006</v>
      </c>
      <c r="L20">
        <v>435.42200000000003</v>
      </c>
      <c r="M20">
        <v>769.34299999999996</v>
      </c>
      <c r="N20">
        <v>1.7668900000000001</v>
      </c>
      <c r="O20" s="7">
        <v>13.050800000000001</v>
      </c>
      <c r="P20">
        <v>219.221</v>
      </c>
      <c r="Q20">
        <v>333.38799999999998</v>
      </c>
      <c r="R20">
        <v>100</v>
      </c>
      <c r="S20">
        <v>61.6633</v>
      </c>
      <c r="T20" s="11">
        <v>1.0423299999999999E-3</v>
      </c>
      <c r="U20" s="7">
        <v>67.7363</v>
      </c>
    </row>
    <row r="21" spans="1:21" x14ac:dyDescent="0.25">
      <c r="A21" s="2">
        <v>27.859300000000001</v>
      </c>
      <c r="B21" s="2">
        <v>148.15</v>
      </c>
      <c r="C21" s="2">
        <v>5.3178000000000001</v>
      </c>
      <c r="D21" s="6">
        <v>15.811400000000001</v>
      </c>
      <c r="E21" s="2">
        <v>3721.24</v>
      </c>
      <c r="F21" s="2">
        <v>446.73500000000001</v>
      </c>
      <c r="G21" s="2">
        <v>100.001</v>
      </c>
      <c r="H21" s="2">
        <v>90.991500000000002</v>
      </c>
      <c r="I21" s="2">
        <v>0.104354</v>
      </c>
      <c r="J21" s="6">
        <v>9.5340600000000002</v>
      </c>
      <c r="L21">
        <v>516.75</v>
      </c>
      <c r="M21">
        <v>865.923</v>
      </c>
      <c r="N21">
        <v>1.67571</v>
      </c>
      <c r="O21" s="7">
        <v>15.811400000000001</v>
      </c>
      <c r="P21">
        <v>248.905</v>
      </c>
      <c r="Q21">
        <v>344.488</v>
      </c>
      <c r="R21">
        <v>100.014</v>
      </c>
      <c r="S21">
        <v>60.667900000000003</v>
      </c>
      <c r="T21" s="11">
        <v>1.0415000000000001E-3</v>
      </c>
      <c r="U21" s="7">
        <v>63.776299999999999</v>
      </c>
    </row>
    <row r="22" spans="1:21" x14ac:dyDescent="0.25">
      <c r="A22" s="2">
        <v>34.884700000000002</v>
      </c>
      <c r="B22" s="2">
        <v>172.51499999999999</v>
      </c>
      <c r="C22" s="2">
        <v>4.9452999999999996</v>
      </c>
      <c r="D22" s="6">
        <v>19.155999999999999</v>
      </c>
      <c r="E22" s="2">
        <v>4340.12</v>
      </c>
      <c r="F22" s="2">
        <v>465.5</v>
      </c>
      <c r="G22" s="2">
        <v>99.994</v>
      </c>
      <c r="H22" s="2">
        <v>93.241900000000001</v>
      </c>
      <c r="I22" s="2">
        <v>0.104368</v>
      </c>
      <c r="J22" s="6">
        <v>9.1880500000000005</v>
      </c>
      <c r="L22">
        <v>612.29100000000005</v>
      </c>
      <c r="M22">
        <v>973.86599999999999</v>
      </c>
      <c r="N22">
        <v>1.59053</v>
      </c>
      <c r="O22" s="7">
        <v>19.155999999999999</v>
      </c>
      <c r="P22">
        <v>281.91800000000001</v>
      </c>
      <c r="Q22">
        <v>355.06599999999997</v>
      </c>
      <c r="R22">
        <v>100.002</v>
      </c>
      <c r="S22">
        <v>59.749600000000001</v>
      </c>
      <c r="T22" s="11">
        <v>1.03936E-3</v>
      </c>
      <c r="U22" s="7">
        <v>60.0518</v>
      </c>
    </row>
    <row r="23" spans="1:21" x14ac:dyDescent="0.25">
      <c r="A23" s="2">
        <v>43.460999999999999</v>
      </c>
      <c r="B23" s="2">
        <v>200.22</v>
      </c>
      <c r="C23" s="2">
        <v>4.6068899999999999</v>
      </c>
      <c r="D23" s="6">
        <v>23.208100000000002</v>
      </c>
      <c r="E23" s="2">
        <v>5061.12</v>
      </c>
      <c r="F23" s="2">
        <v>484.62900000000002</v>
      </c>
      <c r="G23" s="2">
        <v>99.992999999999995</v>
      </c>
      <c r="H23" s="2">
        <v>96.295100000000005</v>
      </c>
      <c r="I23" s="2">
        <v>0.10440000000000001</v>
      </c>
      <c r="J23" s="6">
        <v>8.8280600000000007</v>
      </c>
      <c r="L23">
        <v>722.93799999999999</v>
      </c>
      <c r="M23">
        <v>1092.68</v>
      </c>
      <c r="N23">
        <v>1.51145</v>
      </c>
      <c r="O23" s="7">
        <v>23.208100000000002</v>
      </c>
      <c r="P23">
        <v>319.30599999999998</v>
      </c>
      <c r="Q23">
        <v>365.642</v>
      </c>
      <c r="R23">
        <v>99.975999999999999</v>
      </c>
      <c r="S23">
        <v>58.951999999999998</v>
      </c>
      <c r="T23" s="11">
        <v>1.0406300000000001E-3</v>
      </c>
      <c r="U23" s="7">
        <v>56.453800000000001</v>
      </c>
    </row>
    <row r="24" spans="1:21" x14ac:dyDescent="0.25">
      <c r="A24" s="2">
        <v>53.904899999999998</v>
      </c>
      <c r="B24" s="2">
        <v>231.506</v>
      </c>
      <c r="C24" s="2">
        <v>4.2947199999999999</v>
      </c>
      <c r="D24" s="6">
        <v>28.1173</v>
      </c>
      <c r="E24" s="2">
        <v>5911</v>
      </c>
      <c r="F24" s="2">
        <v>503.36799999999999</v>
      </c>
      <c r="G24" s="2">
        <v>100.005</v>
      </c>
      <c r="H24" s="2">
        <v>100.357</v>
      </c>
      <c r="I24" s="2">
        <v>0.104365</v>
      </c>
      <c r="J24" s="6">
        <v>8.4538399999999996</v>
      </c>
      <c r="L24">
        <v>847.89499999999998</v>
      </c>
      <c r="M24">
        <v>1219.23</v>
      </c>
      <c r="N24">
        <v>1.4379500000000001</v>
      </c>
      <c r="O24" s="7">
        <v>28.1173</v>
      </c>
      <c r="P24">
        <v>358.78199999999998</v>
      </c>
      <c r="Q24">
        <v>375.84500000000003</v>
      </c>
      <c r="R24">
        <v>99.986999999999995</v>
      </c>
      <c r="S24">
        <v>58.3277</v>
      </c>
      <c r="T24" s="11">
        <v>1.04105E-3</v>
      </c>
      <c r="U24" s="7">
        <v>52.817</v>
      </c>
    </row>
    <row r="25" spans="1:21" x14ac:dyDescent="0.25">
      <c r="A25" s="2">
        <v>66.492900000000006</v>
      </c>
      <c r="B25" s="2">
        <v>266.471</v>
      </c>
      <c r="C25" s="2">
        <v>4.0075099999999999</v>
      </c>
      <c r="D25" s="6">
        <v>34.064799999999998</v>
      </c>
      <c r="E25" s="2">
        <v>6952.35</v>
      </c>
      <c r="F25" s="2">
        <v>522.07500000000005</v>
      </c>
      <c r="G25" s="2">
        <v>100.005</v>
      </c>
      <c r="H25" s="2">
        <v>105.666</v>
      </c>
      <c r="I25" s="2">
        <v>0.10438500000000001</v>
      </c>
      <c r="J25" s="6">
        <v>8.0623299999999993</v>
      </c>
      <c r="L25">
        <v>988.48099999999999</v>
      </c>
      <c r="M25">
        <v>1353.57</v>
      </c>
      <c r="N25">
        <v>1.3693500000000001</v>
      </c>
      <c r="O25" s="7">
        <v>34.064799999999998</v>
      </c>
      <c r="P25">
        <v>400.58800000000002</v>
      </c>
      <c r="Q25">
        <v>386.39</v>
      </c>
      <c r="R25">
        <v>100.001</v>
      </c>
      <c r="S25">
        <v>57.936399999999999</v>
      </c>
      <c r="T25" s="11">
        <v>1.0426299999999999E-3</v>
      </c>
      <c r="U25" s="7">
        <v>49.202800000000003</v>
      </c>
    </row>
    <row r="26" spans="1:21" x14ac:dyDescent="0.25">
      <c r="A26" s="2">
        <v>81.511300000000006</v>
      </c>
      <c r="B26" s="2">
        <v>305.173</v>
      </c>
      <c r="C26" s="2">
        <v>3.7439399999999998</v>
      </c>
      <c r="D26" s="6">
        <v>41.269799999999996</v>
      </c>
      <c r="E26" s="2">
        <v>8299.58</v>
      </c>
      <c r="F26" s="2">
        <v>540.71299999999997</v>
      </c>
      <c r="G26" s="2">
        <v>99.994</v>
      </c>
      <c r="H26" s="2">
        <v>112.399</v>
      </c>
      <c r="I26" s="2">
        <v>0.10448200000000001</v>
      </c>
      <c r="J26" s="6">
        <v>7.65381</v>
      </c>
      <c r="L26">
        <v>1143.8699999999999</v>
      </c>
      <c r="M26">
        <v>1492.7</v>
      </c>
      <c r="N26">
        <v>1.3049500000000001</v>
      </c>
      <c r="O26" s="7">
        <v>41.269799999999996</v>
      </c>
      <c r="P26">
        <v>442.78</v>
      </c>
      <c r="Q26">
        <v>397.24799999999999</v>
      </c>
      <c r="R26">
        <v>99.998000000000005</v>
      </c>
      <c r="S26">
        <v>57.872500000000002</v>
      </c>
      <c r="T26" s="11">
        <v>1.0443799999999999E-3</v>
      </c>
      <c r="U26" s="7">
        <v>45.567900000000002</v>
      </c>
    </row>
    <row r="27" spans="1:21" x14ac:dyDescent="0.25">
      <c r="A27" s="2">
        <v>99.084800000000001</v>
      </c>
      <c r="B27" s="2">
        <v>348.125</v>
      </c>
      <c r="C27" s="2">
        <v>3.5134099999999999</v>
      </c>
      <c r="D27" s="6">
        <v>49.999899999999997</v>
      </c>
      <c r="E27" s="2">
        <v>10233.9</v>
      </c>
      <c r="F27" s="2">
        <v>553.22299999999996</v>
      </c>
      <c r="G27" s="2">
        <v>99.992000000000004</v>
      </c>
      <c r="H27" s="2">
        <v>120.515</v>
      </c>
      <c r="I27" s="2">
        <v>0.105236</v>
      </c>
      <c r="J27" s="6">
        <v>7.2390499999999998</v>
      </c>
      <c r="L27">
        <v>1314.88</v>
      </c>
      <c r="M27">
        <v>1635.8</v>
      </c>
      <c r="N27">
        <v>1.24407</v>
      </c>
      <c r="O27" s="7">
        <v>49.999899999999997</v>
      </c>
      <c r="P27">
        <v>483.42399999999998</v>
      </c>
      <c r="Q27">
        <v>407.91800000000001</v>
      </c>
      <c r="R27">
        <v>99.995999999999995</v>
      </c>
      <c r="S27">
        <v>58.268099999999997</v>
      </c>
      <c r="T27" s="11">
        <v>1.0450699999999999E-3</v>
      </c>
      <c r="U27" s="7">
        <v>41.975200000000001</v>
      </c>
    </row>
    <row r="28" spans="1:21" x14ac:dyDescent="0.25">
      <c r="A28" s="2">
        <v>120.45099999999999</v>
      </c>
      <c r="B28" s="2">
        <v>395.04300000000001</v>
      </c>
      <c r="C28" s="2">
        <v>3.2797000000000001</v>
      </c>
      <c r="D28" s="6">
        <v>60.575899999999997</v>
      </c>
      <c r="E28" s="2">
        <v>12908.6</v>
      </c>
      <c r="F28" s="2">
        <v>565.80700000000002</v>
      </c>
      <c r="G28" s="2">
        <v>100.005</v>
      </c>
      <c r="H28" s="2">
        <v>129.54400000000001</v>
      </c>
      <c r="I28" s="2">
        <v>0.10470699999999999</v>
      </c>
      <c r="J28" s="6">
        <v>6.8178599999999996</v>
      </c>
      <c r="L28">
        <v>1502.19</v>
      </c>
      <c r="M28">
        <v>1782.41</v>
      </c>
      <c r="N28">
        <v>1.1865399999999999</v>
      </c>
      <c r="O28" s="7">
        <v>60.575899999999997</v>
      </c>
      <c r="P28">
        <v>520.89800000000002</v>
      </c>
      <c r="Q28">
        <v>418.68200000000002</v>
      </c>
      <c r="R28">
        <v>99.986000000000004</v>
      </c>
      <c r="S28">
        <v>59.339199999999998</v>
      </c>
      <c r="T28" s="11">
        <v>1.04532E-3</v>
      </c>
      <c r="U28" s="7">
        <v>38.480699999999999</v>
      </c>
    </row>
    <row r="29" spans="1:21" x14ac:dyDescent="0.25">
      <c r="A29" s="2">
        <v>145.49100000000001</v>
      </c>
      <c r="B29" s="2">
        <v>445.209</v>
      </c>
      <c r="C29" s="2">
        <v>3.0600399999999999</v>
      </c>
      <c r="D29" s="6">
        <v>73.390100000000004</v>
      </c>
      <c r="E29" s="2">
        <v>16956.3</v>
      </c>
      <c r="F29" s="2">
        <v>578.77599999999995</v>
      </c>
      <c r="G29" s="2">
        <v>100.01900000000001</v>
      </c>
      <c r="H29" s="2">
        <v>138.88399999999999</v>
      </c>
      <c r="I29" s="2">
        <v>0.104071</v>
      </c>
      <c r="J29" s="6">
        <v>6.3820499999999996</v>
      </c>
      <c r="L29">
        <v>1708.68</v>
      </c>
      <c r="M29">
        <v>1935.41</v>
      </c>
      <c r="N29">
        <v>1.13269</v>
      </c>
      <c r="O29" s="7">
        <v>73.390100000000004</v>
      </c>
      <c r="P29">
        <v>553.64200000000005</v>
      </c>
      <c r="Q29">
        <v>429.35300000000001</v>
      </c>
      <c r="R29">
        <v>100.026</v>
      </c>
      <c r="S29">
        <v>61.42</v>
      </c>
      <c r="T29" s="11">
        <v>1.04466E-3</v>
      </c>
      <c r="U29" s="7">
        <v>35.178400000000003</v>
      </c>
    </row>
    <row r="30" spans="1:21" x14ac:dyDescent="0.25">
      <c r="A30" s="2">
        <v>174.83</v>
      </c>
      <c r="B30" s="2">
        <v>496.59100000000001</v>
      </c>
      <c r="C30" s="2">
        <v>2.84043</v>
      </c>
      <c r="D30" s="6">
        <v>88.914599999999993</v>
      </c>
      <c r="E30" s="2">
        <v>23181.200000000001</v>
      </c>
      <c r="F30" s="2">
        <v>591.33000000000004</v>
      </c>
      <c r="G30" s="2">
        <v>100.004</v>
      </c>
      <c r="H30" s="2">
        <v>147.762</v>
      </c>
      <c r="I30" s="2">
        <v>0.103474</v>
      </c>
      <c r="J30" s="6">
        <v>5.9210500000000001</v>
      </c>
      <c r="L30">
        <v>1937.45</v>
      </c>
      <c r="M30">
        <v>2099.1999999999998</v>
      </c>
      <c r="N30">
        <v>1.0834900000000001</v>
      </c>
      <c r="O30" s="7">
        <v>88.914599999999993</v>
      </c>
      <c r="P30">
        <v>580.71600000000001</v>
      </c>
      <c r="Q30">
        <v>440.28800000000001</v>
      </c>
      <c r="R30">
        <v>100</v>
      </c>
      <c r="S30">
        <v>65.053399999999996</v>
      </c>
      <c r="T30" s="11">
        <v>1.0432099999999999E-3</v>
      </c>
      <c r="U30" s="7">
        <v>32.127899999999997</v>
      </c>
    </row>
    <row r="31" spans="1:21" x14ac:dyDescent="0.25">
      <c r="A31" s="2">
        <v>203.48099999999999</v>
      </c>
      <c r="B31" s="2">
        <v>532.44899999999996</v>
      </c>
      <c r="C31" s="2">
        <v>2.6166999999999998</v>
      </c>
      <c r="D31" s="6">
        <v>107.72199999999999</v>
      </c>
      <c r="E31" s="2">
        <v>33205.1</v>
      </c>
      <c r="F31" s="2">
        <v>609.98900000000003</v>
      </c>
      <c r="G31" s="2">
        <v>99.983000000000004</v>
      </c>
      <c r="H31" s="2">
        <v>156.22999999999999</v>
      </c>
      <c r="I31" s="2">
        <v>0.10445400000000001</v>
      </c>
      <c r="J31" s="6">
        <v>5.2914399999999997</v>
      </c>
      <c r="L31">
        <v>2186.64</v>
      </c>
      <c r="M31">
        <v>2271.15</v>
      </c>
      <c r="N31">
        <v>1.0386500000000001</v>
      </c>
      <c r="O31" s="7">
        <v>107.72199999999999</v>
      </c>
      <c r="P31">
        <v>602.73099999999999</v>
      </c>
      <c r="Q31">
        <v>450.99</v>
      </c>
      <c r="R31">
        <v>99.998999999999995</v>
      </c>
      <c r="S31">
        <v>71.1477</v>
      </c>
      <c r="T31" s="11">
        <v>1.0446800000000001E-3</v>
      </c>
      <c r="U31" s="7">
        <v>29.266999999999999</v>
      </c>
    </row>
    <row r="32" spans="1:21" x14ac:dyDescent="0.25">
      <c r="A32" s="2">
        <v>229.15799999999999</v>
      </c>
      <c r="B32" s="2">
        <v>544.73599999999999</v>
      </c>
      <c r="C32" s="2">
        <v>2.3771200000000001</v>
      </c>
      <c r="D32" s="6">
        <v>130.50700000000001</v>
      </c>
      <c r="E32" s="2">
        <v>48236.7</v>
      </c>
      <c r="F32" s="2">
        <v>628.89</v>
      </c>
      <c r="G32" s="2">
        <v>99.992000000000004</v>
      </c>
      <c r="H32" s="2">
        <v>163.54300000000001</v>
      </c>
      <c r="I32" s="2">
        <v>0.10425</v>
      </c>
      <c r="J32" s="6">
        <v>4.5282999999999998</v>
      </c>
      <c r="L32">
        <v>2452.39</v>
      </c>
      <c r="M32">
        <v>2447.46</v>
      </c>
      <c r="N32">
        <v>0.99798699999999996</v>
      </c>
      <c r="O32" s="7">
        <v>130.50700000000001</v>
      </c>
      <c r="P32">
        <v>620.75800000000004</v>
      </c>
      <c r="Q32">
        <v>461.738</v>
      </c>
      <c r="R32">
        <v>100.01</v>
      </c>
      <c r="S32">
        <v>81.169600000000003</v>
      </c>
      <c r="T32" s="11">
        <v>1.04265E-3</v>
      </c>
      <c r="U32" s="7">
        <v>26.548200000000001</v>
      </c>
    </row>
    <row r="33" spans="1:21" x14ac:dyDescent="0.25">
      <c r="A33" s="2">
        <v>240.691</v>
      </c>
      <c r="B33" s="2">
        <v>507.02300000000002</v>
      </c>
      <c r="C33" s="2">
        <v>2.1065299999999998</v>
      </c>
      <c r="D33" s="6">
        <v>158.11500000000001</v>
      </c>
      <c r="E33" s="2">
        <v>71268.3</v>
      </c>
      <c r="F33" s="2">
        <v>647.73</v>
      </c>
      <c r="G33" s="2">
        <v>99.989000000000004</v>
      </c>
      <c r="H33" s="2">
        <v>169.745</v>
      </c>
      <c r="I33" s="2">
        <v>0.10399</v>
      </c>
      <c r="J33" s="6">
        <v>3.5496500000000002</v>
      </c>
      <c r="L33">
        <v>2734.2</v>
      </c>
      <c r="M33">
        <v>2627.75</v>
      </c>
      <c r="N33">
        <v>0.96106800000000003</v>
      </c>
      <c r="O33" s="7">
        <v>158.11500000000001</v>
      </c>
      <c r="P33">
        <v>664.07299999999998</v>
      </c>
      <c r="Q33">
        <v>472.315</v>
      </c>
      <c r="R33">
        <v>100.006</v>
      </c>
      <c r="S33">
        <v>96.6995</v>
      </c>
      <c r="T33" s="11">
        <v>1.0443E-3</v>
      </c>
      <c r="U33" s="7">
        <v>23.983899999999998</v>
      </c>
    </row>
    <row r="34" spans="1:21" x14ac:dyDescent="0.25">
      <c r="A34" s="2">
        <v>257.92399999999998</v>
      </c>
      <c r="B34" s="2">
        <v>443.46699999999998</v>
      </c>
      <c r="C34" s="2">
        <v>1.7193700000000001</v>
      </c>
      <c r="D34" s="6">
        <v>191.559</v>
      </c>
      <c r="E34" s="2">
        <v>106124</v>
      </c>
      <c r="F34" s="2">
        <v>666.91300000000001</v>
      </c>
      <c r="G34" s="2">
        <v>100.015</v>
      </c>
      <c r="H34" s="2">
        <v>173.98500000000001</v>
      </c>
      <c r="I34" s="2">
        <v>0.10420599999999999</v>
      </c>
      <c r="J34" s="6">
        <v>2.6781299999999999</v>
      </c>
      <c r="L34">
        <v>3027.13</v>
      </c>
      <c r="M34">
        <v>2812.59</v>
      </c>
      <c r="N34">
        <v>0.92912799999999995</v>
      </c>
      <c r="O34" s="7">
        <v>191.559</v>
      </c>
      <c r="P34">
        <v>793.61099999999999</v>
      </c>
      <c r="Q34">
        <v>482.892</v>
      </c>
      <c r="R34">
        <v>100.001</v>
      </c>
      <c r="S34">
        <v>117.124</v>
      </c>
      <c r="T34" s="11">
        <v>1.0450500000000001E-3</v>
      </c>
      <c r="U34" s="7">
        <v>21.570900000000002</v>
      </c>
    </row>
    <row r="35" spans="1:21" x14ac:dyDescent="0.25">
      <c r="A35" s="2">
        <v>319.91300000000001</v>
      </c>
      <c r="B35" s="2">
        <v>443.12299999999999</v>
      </c>
      <c r="C35" s="2">
        <v>1.38514</v>
      </c>
      <c r="D35" s="6">
        <v>232.08199999999999</v>
      </c>
      <c r="E35" s="2">
        <v>149334</v>
      </c>
      <c r="F35" s="2">
        <v>679.82899999999995</v>
      </c>
      <c r="G35" s="2">
        <v>100.006</v>
      </c>
      <c r="H35" s="2">
        <v>175.93600000000001</v>
      </c>
      <c r="I35" s="2">
        <v>9.9255200000000002E-2</v>
      </c>
      <c r="J35" s="6">
        <v>2.35493</v>
      </c>
      <c r="L35">
        <v>3330.52</v>
      </c>
      <c r="M35">
        <v>2995.29</v>
      </c>
      <c r="N35">
        <v>0.89934499999999995</v>
      </c>
      <c r="O35" s="7">
        <v>232.08199999999999</v>
      </c>
      <c r="P35">
        <v>1108.43</v>
      </c>
      <c r="Q35">
        <v>493.70299999999997</v>
      </c>
      <c r="R35">
        <v>99.995999999999995</v>
      </c>
      <c r="S35">
        <v>137.15799999999999</v>
      </c>
      <c r="T35" s="11">
        <v>1.04729E-3</v>
      </c>
      <c r="U35" s="7">
        <v>19.3005</v>
      </c>
    </row>
    <row r="36" spans="1:21" x14ac:dyDescent="0.25">
      <c r="A36" s="2">
        <v>482.83300000000003</v>
      </c>
      <c r="B36" s="2">
        <v>547.12</v>
      </c>
      <c r="C36" s="2">
        <v>1.1331500000000001</v>
      </c>
      <c r="D36" s="6">
        <v>281.17099999999999</v>
      </c>
      <c r="E36" s="2">
        <v>149131</v>
      </c>
      <c r="F36" s="2">
        <v>686.54399999999998</v>
      </c>
      <c r="G36" s="2">
        <v>100</v>
      </c>
      <c r="H36" s="2">
        <v>176.57499999999999</v>
      </c>
      <c r="I36" s="2">
        <v>6.7678699999999994E-2</v>
      </c>
      <c r="J36" s="6">
        <v>2.5952299999999999</v>
      </c>
      <c r="L36">
        <v>3652.63</v>
      </c>
      <c r="M36">
        <v>3175.56</v>
      </c>
      <c r="N36">
        <v>0.86939</v>
      </c>
      <c r="O36" s="7">
        <v>281.17099999999999</v>
      </c>
      <c r="P36">
        <v>1706.12</v>
      </c>
      <c r="Q36">
        <v>504.49799999999999</v>
      </c>
      <c r="R36">
        <v>99.992000000000004</v>
      </c>
      <c r="S36">
        <v>152.02799999999999</v>
      </c>
      <c r="T36" s="11">
        <v>1.04897E-3</v>
      </c>
      <c r="U36" s="7">
        <v>17.213899999999999</v>
      </c>
    </row>
    <row r="37" spans="1:21" x14ac:dyDescent="0.25">
      <c r="A37" s="2">
        <v>700.28700000000003</v>
      </c>
      <c r="B37" s="2">
        <v>730.67600000000004</v>
      </c>
      <c r="C37" s="2">
        <v>1.04339</v>
      </c>
      <c r="D37" s="6">
        <v>340.64499999999998</v>
      </c>
      <c r="E37" s="2">
        <v>148836</v>
      </c>
      <c r="F37" s="2">
        <v>693.03300000000002</v>
      </c>
      <c r="G37" s="2">
        <v>100.012</v>
      </c>
      <c r="H37" s="2">
        <v>176.88499999999999</v>
      </c>
      <c r="I37" s="2">
        <v>4.6003299999999997E-2</v>
      </c>
      <c r="J37" s="6">
        <v>2.9710399999999999</v>
      </c>
      <c r="L37">
        <v>4039.19</v>
      </c>
      <c r="M37">
        <v>3345.8</v>
      </c>
      <c r="N37">
        <v>0.82833500000000004</v>
      </c>
      <c r="O37" s="7">
        <v>340.64499999999998</v>
      </c>
      <c r="P37">
        <v>2684.66</v>
      </c>
      <c r="Q37">
        <v>515.30899999999997</v>
      </c>
      <c r="R37">
        <v>99.977999999999994</v>
      </c>
      <c r="S37">
        <v>161.67699999999999</v>
      </c>
      <c r="T37" s="11">
        <v>1.0502300000000001E-3</v>
      </c>
      <c r="U37" s="7">
        <v>15.3971</v>
      </c>
    </row>
    <row r="38" spans="1:21" x14ac:dyDescent="0.25">
      <c r="A38" s="2">
        <v>954.24900000000002</v>
      </c>
      <c r="B38" s="2">
        <v>982.79100000000005</v>
      </c>
      <c r="C38" s="2">
        <v>1.0299100000000001</v>
      </c>
      <c r="D38" s="6">
        <v>412.702</v>
      </c>
      <c r="E38" s="2">
        <v>148393</v>
      </c>
      <c r="F38" s="2">
        <v>699.74099999999999</v>
      </c>
      <c r="G38" s="2">
        <v>99.988</v>
      </c>
      <c r="H38" s="2">
        <v>177.15600000000001</v>
      </c>
      <c r="I38" s="2">
        <v>3.11396E-2</v>
      </c>
      <c r="J38" s="6">
        <v>3.31921</v>
      </c>
      <c r="L38">
        <v>4431.01</v>
      </c>
      <c r="M38">
        <v>3596.5</v>
      </c>
      <c r="N38">
        <v>0.81166499999999997</v>
      </c>
      <c r="O38" s="7">
        <v>412.702</v>
      </c>
      <c r="P38">
        <v>4217.03</v>
      </c>
      <c r="Q38">
        <v>525.995</v>
      </c>
      <c r="R38">
        <v>100.005</v>
      </c>
      <c r="S38">
        <v>167.58199999999999</v>
      </c>
      <c r="T38" s="11">
        <v>1.0500100000000001E-3</v>
      </c>
      <c r="U38" s="7">
        <v>13.828099999999999</v>
      </c>
    </row>
    <row r="39" spans="1:21" x14ac:dyDescent="0.25">
      <c r="A39" s="2">
        <v>1501.96</v>
      </c>
      <c r="B39" s="2">
        <v>1504.69</v>
      </c>
      <c r="C39" s="2">
        <v>1.0018199999999999</v>
      </c>
      <c r="D39" s="6">
        <v>499.995</v>
      </c>
      <c r="E39" s="2">
        <v>147707</v>
      </c>
      <c r="F39" s="2">
        <v>706.57899999999995</v>
      </c>
      <c r="G39" s="2">
        <v>100.017</v>
      </c>
      <c r="H39" s="2">
        <v>177.024</v>
      </c>
      <c r="I39" s="2">
        <v>2.1189E-2</v>
      </c>
      <c r="J39" s="6">
        <v>4.2520899999999999</v>
      </c>
      <c r="L39">
        <v>5146.24</v>
      </c>
      <c r="M39">
        <v>4402.82</v>
      </c>
      <c r="N39">
        <v>0.855541</v>
      </c>
      <c r="O39" s="7">
        <v>499.995</v>
      </c>
      <c r="P39">
        <v>6437.9</v>
      </c>
      <c r="Q39">
        <v>536.80600000000004</v>
      </c>
      <c r="R39">
        <v>100.003</v>
      </c>
      <c r="S39">
        <v>170.14400000000001</v>
      </c>
      <c r="T39" s="11">
        <v>1.0426400000000001E-3</v>
      </c>
      <c r="U39" s="7">
        <v>13.545400000000001</v>
      </c>
    </row>
    <row r="40" spans="1:21" x14ac:dyDescent="0.25">
      <c r="A40" s="2">
        <v>1948.68</v>
      </c>
      <c r="B40" s="2">
        <v>1541.06</v>
      </c>
      <c r="C40" s="2">
        <v>0.79082399999999997</v>
      </c>
      <c r="D40" s="6">
        <v>605.75800000000004</v>
      </c>
      <c r="E40" s="2">
        <v>146615</v>
      </c>
      <c r="F40" s="2">
        <v>713.17499999999995</v>
      </c>
      <c r="G40" s="2">
        <v>99.991</v>
      </c>
      <c r="H40" s="2">
        <v>177.93600000000001</v>
      </c>
      <c r="I40" s="2">
        <v>1.4253099999999999E-2</v>
      </c>
      <c r="J40" s="6">
        <v>4.1013000000000002</v>
      </c>
      <c r="L40">
        <v>6162.16</v>
      </c>
      <c r="M40">
        <v>4148.8999999999996</v>
      </c>
      <c r="N40">
        <v>0.67328600000000005</v>
      </c>
      <c r="O40" s="7">
        <v>605.75800000000004</v>
      </c>
      <c r="P40">
        <v>9719.0400000000009</v>
      </c>
      <c r="Q40">
        <v>552.74900000000002</v>
      </c>
      <c r="R40">
        <v>100.014</v>
      </c>
      <c r="S40">
        <v>173.86699999999999</v>
      </c>
      <c r="T40" s="11">
        <v>1.04302E-3</v>
      </c>
      <c r="U40" s="7">
        <v>12.263500000000001</v>
      </c>
    </row>
    <row r="41" spans="1:21" x14ac:dyDescent="0.25">
      <c r="A41" s="2">
        <v>2326.27</v>
      </c>
      <c r="B41" s="2">
        <v>1387.36</v>
      </c>
      <c r="C41" s="2">
        <v>0.59638800000000003</v>
      </c>
      <c r="D41" s="6">
        <v>627.99699999999996</v>
      </c>
      <c r="E41" s="2">
        <v>146344</v>
      </c>
      <c r="F41" s="2">
        <v>719.84400000000005</v>
      </c>
      <c r="G41" s="2">
        <v>99.998000000000005</v>
      </c>
      <c r="H41" s="2">
        <v>178.262</v>
      </c>
      <c r="I41" s="2">
        <v>1.33066E-2</v>
      </c>
      <c r="J41" s="6">
        <v>4.3130199999999999</v>
      </c>
      <c r="L41">
        <v>6067.6</v>
      </c>
      <c r="M41">
        <v>3958.14</v>
      </c>
      <c r="N41">
        <v>0.65234000000000003</v>
      </c>
      <c r="O41" s="7">
        <v>627.99699999999996</v>
      </c>
      <c r="P41">
        <v>10480.799999999999</v>
      </c>
      <c r="Q41">
        <v>563.48199999999997</v>
      </c>
      <c r="R41">
        <v>99.99</v>
      </c>
      <c r="S41">
        <v>174.62299999999999</v>
      </c>
      <c r="T41" s="11">
        <v>1.03404E-3</v>
      </c>
      <c r="U41" s="7">
        <v>11.5359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9pcCNF_Steady_BS_50degree</vt:lpstr>
      <vt:lpstr>9pcCNF_OSC_BS_50degree</vt:lpstr>
      <vt:lpstr>9pcCNF_Steady_BS_100degree</vt:lpstr>
      <vt:lpstr>9pcCNF_OSC_BS_100degree</vt:lpstr>
      <vt:lpstr>12.4pcCNF_Steady_BS_50degree</vt:lpstr>
      <vt:lpstr>12.4pcCNF_OSC_BS_50degree</vt:lpstr>
      <vt:lpstr>12.4pcCNF_Steady_BS_100degree</vt:lpstr>
      <vt:lpstr>12.4pcCNF_OSC_BS_100degre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enchen Zhu</dc:creator>
  <cp:lastModifiedBy>"%username%"</cp:lastModifiedBy>
  <dcterms:created xsi:type="dcterms:W3CDTF">2015-06-05T18:17:20Z</dcterms:created>
  <dcterms:modified xsi:type="dcterms:W3CDTF">2019-08-15T18:27:00Z</dcterms:modified>
</cp:coreProperties>
</file>